
<file path=[Content_Types].xml><?xml version="1.0" encoding="utf-8"?>
<Types xmlns="http://schemas.openxmlformats.org/package/2006/content-types"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19.xml" ContentType="application/vnd.openxmlformats-officedocument.presentationml.slide+xml"/>
  <Override PartName="/ppt/notesSlides/notesSlide1.xml" ContentType="application/vnd.openxmlformats-officedocument.presentationml.notesSlide+xml"/>
  <Default Extension="png" ContentType="image/png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tableStyles.xml" ContentType="application/vnd.openxmlformats-officedocument.presentationml.tableStyles+xml"/>
  <Override PartName="/docProps/custom.xml" ContentType="application/vnd.openxmlformats-officedocument.custom-properties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>
  <p:sldMasterIdLst>
    <p:sldMasterId id="2147483648" r:id="rId1"/>
  </p:sldMasterIdLst>
  <p:notesMasterIdLst>
    <p:notesMasterId r:id="rId25"/>
  </p:notesMasterIdLst>
  <p:sldIdLst>
    <p:sldId id="256" r:id="rId2"/>
    <p:sldId id="577" r:id="rId3"/>
    <p:sldId id="551" r:id="rId4"/>
    <p:sldId id="561" r:id="rId5"/>
    <p:sldId id="562" r:id="rId6"/>
    <p:sldId id="578" r:id="rId7"/>
    <p:sldId id="579" r:id="rId8"/>
    <p:sldId id="564" r:id="rId9"/>
    <p:sldId id="565" r:id="rId10"/>
    <p:sldId id="580" r:id="rId11"/>
    <p:sldId id="566" r:id="rId12"/>
    <p:sldId id="568" r:id="rId13"/>
    <p:sldId id="581" r:id="rId14"/>
    <p:sldId id="567" r:id="rId15"/>
    <p:sldId id="582" r:id="rId16"/>
    <p:sldId id="583" r:id="rId17"/>
    <p:sldId id="569" r:id="rId18"/>
    <p:sldId id="584" r:id="rId19"/>
    <p:sldId id="570" r:id="rId20"/>
    <p:sldId id="585" r:id="rId21"/>
    <p:sldId id="571" r:id="rId22"/>
    <p:sldId id="586" r:id="rId23"/>
    <p:sldId id="535" r:id="rId24"/>
  </p:sldIdLst>
  <p:sldSz cx="12169775" cy="7021513"/>
  <p:notesSz cx="5765800" cy="3244850"/>
  <p:custDataLst>
    <p:tags r:id="rId26"/>
  </p:custDataLst>
  <p:defaultTextStyle>
    <a:defPPr>
      <a:defRPr lang="ru-RU"/>
    </a:defPPr>
    <a:lvl1pPr marL="0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1pPr>
    <a:lvl2pPr marL="973745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2pPr>
    <a:lvl3pPr marL="1947489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3pPr>
    <a:lvl4pPr marL="2921234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4pPr>
    <a:lvl5pPr marL="3894978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5pPr>
    <a:lvl6pPr marL="4868723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6pPr>
    <a:lvl7pPr marL="5842467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7pPr>
    <a:lvl8pPr marL="6816212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8pPr>
    <a:lvl9pPr marL="7789956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webPr encoding="windows-1251"/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 xmlns="">
          <a:srgbClr val="FF0000"/>
        </p14:laserClr>
      </p:ext>
      <p:ext uri="{2FDB2607-1784-4EEB-B798-7EB5836EED8A}">
        <p14:showMediaCtrls xmlns:p14="http://schemas.microsoft.com/office/powerpoint/2010/main" xmlns="" val="1"/>
      </p:ext>
    </p:extLst>
  </p:showPr>
  <p:extLst>
    <p:ext uri="{E76CE94A-603C-4142-B9EB-6D1370010A27}">
      <p14:discardImageEditData xmlns:p14="http://schemas.microsoft.com/office/powerpoint/2010/main" xmlns="" val="0"/>
    </p:ext>
    <p:ext uri="{D31A062A-798A-4329-ABDD-BBA856620510}">
      <p14:defaultImageDpi xmlns:p14="http://schemas.microsoft.com/office/powerpoint/2010/main" xmlns="" val="22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C22544A-7EE6-4342-B048-85BDC9FD1C3A}" styleName="Средний стиль 2 -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Нет стиля, сетка таблиц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616DA210-FB5B-4158-B5E0-FEB733F419BA}" styleName="Светлый стиль 3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tx1">
              <a:alpha val="20000"/>
            </a:schemeClr>
          </a:solidFill>
        </a:fill>
      </a:tcStyle>
    </a:band1H>
    <a:band1V>
      <a:tcStyle>
        <a:tcBdr/>
        <a:fill>
          <a:solidFill>
            <a:schemeClr val="tx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tx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tx1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showOutlineIcons="0">
    <p:restoredLeft sz="21324" autoAdjust="0"/>
    <p:restoredTop sz="94660"/>
  </p:normalViewPr>
  <p:slideViewPr>
    <p:cSldViewPr>
      <p:cViewPr varScale="1">
        <p:scale>
          <a:sx n="63" d="100"/>
          <a:sy n="63" d="100"/>
        </p:scale>
        <p:origin x="-684" y="-96"/>
      </p:cViewPr>
      <p:guideLst>
        <p:guide orient="horz" pos="6232"/>
        <p:guide pos="4559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498725" cy="16192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265488" y="0"/>
            <a:ext cx="2498725" cy="16192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66660F5B-BBCF-4B28-B956-404BD0BDB025}" type="datetimeFigureOut">
              <a:rPr lang="ru-RU" smtClean="0"/>
              <a:pPr/>
              <a:t>23.11.2020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827213" y="242888"/>
            <a:ext cx="2111375" cy="1217612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576263" y="1541463"/>
            <a:ext cx="4613275" cy="14605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3081338"/>
            <a:ext cx="2498725" cy="16351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265488" y="3081338"/>
            <a:ext cx="2498725" cy="16351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C71F240-3499-48E1-A42D-3676C64951E7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373233829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C71F240-3499-48E1-A42D-3676C64951E7}" type="slidenum">
              <a:rPr lang="ru-RU" smtClean="0"/>
              <a:pPr/>
              <a:t>1</a:t>
            </a:fld>
            <a:endParaRPr lang="ru-RU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ctrTitle"/>
          </p:nvPr>
        </p:nvSpPr>
        <p:spPr>
          <a:xfrm>
            <a:off x="912733" y="2176668"/>
            <a:ext cx="10344309" cy="315471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subTitle" idx="4"/>
          </p:nvPr>
        </p:nvSpPr>
        <p:spPr>
          <a:xfrm>
            <a:off x="1825466" y="3932047"/>
            <a:ext cx="8518843" cy="215444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3/2020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634765" y="221635"/>
            <a:ext cx="10900241" cy="677108"/>
          </a:xfrm>
        </p:spPr>
        <p:txBody>
          <a:bodyPr lIns="0" tIns="0" rIns="0" bIns="0"/>
          <a:lstStyle>
            <a:lvl1pPr>
              <a:defRPr sz="4400" b="1" i="0">
                <a:solidFill>
                  <a:schemeClr val="bg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body" idx="1"/>
          </p:nvPr>
        </p:nvSpPr>
        <p:spPr>
          <a:xfrm>
            <a:off x="920481" y="2125031"/>
            <a:ext cx="10328814" cy="461665"/>
          </a:xfrm>
        </p:spPr>
        <p:txBody>
          <a:bodyPr lIns="0" tIns="0" rIns="0" bIns="0"/>
          <a:lstStyle>
            <a:lvl1pPr>
              <a:defRPr sz="3000" b="0" i="1">
                <a:solidFill>
                  <a:srgbClr val="231F20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3/2020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634765" y="221635"/>
            <a:ext cx="10900241" cy="677108"/>
          </a:xfrm>
        </p:spPr>
        <p:txBody>
          <a:bodyPr lIns="0" tIns="0" rIns="0" bIns="0"/>
          <a:lstStyle>
            <a:lvl1pPr>
              <a:defRPr sz="4400" b="1" i="0">
                <a:solidFill>
                  <a:schemeClr val="bg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sz="half" idx="2"/>
          </p:nvPr>
        </p:nvSpPr>
        <p:spPr>
          <a:xfrm>
            <a:off x="608490" y="1614948"/>
            <a:ext cx="5293852" cy="215444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sz="half" idx="3"/>
          </p:nvPr>
        </p:nvSpPr>
        <p:spPr>
          <a:xfrm>
            <a:off x="6267435" y="1614948"/>
            <a:ext cx="5293852" cy="215444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6" name="Holder 6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3/2020</a:t>
            </a:fld>
            <a:endParaRPr lang="en-US"/>
          </a:p>
        </p:txBody>
      </p:sp>
      <p:sp>
        <p:nvSpPr>
          <p:cNvPr id="7" name="Holder 7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itle Only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141096" y="153990"/>
            <a:ext cx="11927184" cy="928871"/>
          </a:xfrm>
          <a:custGeom>
            <a:avLst/>
            <a:gdLst/>
            <a:ahLst/>
            <a:cxnLst/>
            <a:rect l="l" t="t" r="r" b="b"/>
            <a:pathLst>
              <a:path w="5650865" h="429259">
                <a:moveTo>
                  <a:pt x="5650710" y="0"/>
                </a:moveTo>
                <a:lnTo>
                  <a:pt x="0" y="0"/>
                </a:lnTo>
                <a:lnTo>
                  <a:pt x="0" y="428871"/>
                </a:lnTo>
                <a:lnTo>
                  <a:pt x="5650710" y="428871"/>
                </a:lnTo>
                <a:lnTo>
                  <a:pt x="5650710" y="0"/>
                </a:lnTo>
                <a:close/>
              </a:path>
            </a:pathLst>
          </a:custGeom>
          <a:solidFill>
            <a:srgbClr val="2365C7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634765" y="221635"/>
            <a:ext cx="10900241" cy="677108"/>
          </a:xfrm>
        </p:spPr>
        <p:txBody>
          <a:bodyPr lIns="0" tIns="0" rIns="0" bIns="0"/>
          <a:lstStyle>
            <a:lvl1pPr>
              <a:defRPr sz="4400" b="1" i="0">
                <a:solidFill>
                  <a:schemeClr val="bg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3/2020</a:t>
            </a:fld>
            <a:endParaRPr lang="en-US"/>
          </a:p>
        </p:txBody>
      </p:sp>
      <p:sp>
        <p:nvSpPr>
          <p:cNvPr id="5" name="Holder 5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3/2020</a:t>
            </a:fld>
            <a:endParaRPr lang="en-US"/>
          </a:p>
        </p:txBody>
      </p:sp>
      <p:sp>
        <p:nvSpPr>
          <p:cNvPr id="4" name="Holder 4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141079" y="1160211"/>
            <a:ext cx="11927184" cy="5732633"/>
          </a:xfrm>
          <a:custGeom>
            <a:avLst/>
            <a:gdLst/>
            <a:ahLst/>
            <a:cxnLst/>
            <a:rect l="l" t="t" r="r" b="b"/>
            <a:pathLst>
              <a:path w="5650865" h="2649220">
                <a:moveTo>
                  <a:pt x="5650712" y="24434"/>
                </a:moveTo>
                <a:lnTo>
                  <a:pt x="5626328" y="24434"/>
                </a:lnTo>
                <a:lnTo>
                  <a:pt x="5626328" y="2624975"/>
                </a:lnTo>
                <a:lnTo>
                  <a:pt x="5650712" y="2624975"/>
                </a:lnTo>
                <a:lnTo>
                  <a:pt x="5650712" y="24434"/>
                </a:lnTo>
                <a:close/>
              </a:path>
              <a:path w="5650865" h="2649220">
                <a:moveTo>
                  <a:pt x="5650712" y="0"/>
                </a:moveTo>
                <a:lnTo>
                  <a:pt x="0" y="0"/>
                </a:lnTo>
                <a:lnTo>
                  <a:pt x="0" y="24130"/>
                </a:lnTo>
                <a:lnTo>
                  <a:pt x="0" y="2625090"/>
                </a:lnTo>
                <a:lnTo>
                  <a:pt x="0" y="2649220"/>
                </a:lnTo>
                <a:lnTo>
                  <a:pt x="5650712" y="2649220"/>
                </a:lnTo>
                <a:lnTo>
                  <a:pt x="5650712" y="2625090"/>
                </a:lnTo>
                <a:lnTo>
                  <a:pt x="24384" y="2625090"/>
                </a:lnTo>
                <a:lnTo>
                  <a:pt x="24384" y="24130"/>
                </a:lnTo>
                <a:lnTo>
                  <a:pt x="5650712" y="24130"/>
                </a:lnTo>
                <a:lnTo>
                  <a:pt x="5650712" y="0"/>
                </a:lnTo>
                <a:close/>
              </a:path>
            </a:pathLst>
          </a:custGeom>
          <a:solidFill>
            <a:srgbClr val="00A65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7" name="bg object 17"/>
          <p:cNvSpPr/>
          <p:nvPr/>
        </p:nvSpPr>
        <p:spPr>
          <a:xfrm>
            <a:off x="141096" y="153990"/>
            <a:ext cx="11927184" cy="928871"/>
          </a:xfrm>
          <a:custGeom>
            <a:avLst/>
            <a:gdLst/>
            <a:ahLst/>
            <a:cxnLst/>
            <a:rect l="l" t="t" r="r" b="b"/>
            <a:pathLst>
              <a:path w="5650865" h="429259">
                <a:moveTo>
                  <a:pt x="5650710" y="0"/>
                </a:moveTo>
                <a:lnTo>
                  <a:pt x="0" y="0"/>
                </a:lnTo>
                <a:lnTo>
                  <a:pt x="0" y="428871"/>
                </a:lnTo>
                <a:lnTo>
                  <a:pt x="5650710" y="428871"/>
                </a:lnTo>
                <a:lnTo>
                  <a:pt x="5650710" y="0"/>
                </a:lnTo>
                <a:close/>
              </a:path>
            </a:pathLst>
          </a:custGeom>
          <a:solidFill>
            <a:srgbClr val="2365C7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634765" y="221635"/>
            <a:ext cx="10900241" cy="315471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2050" b="1" i="0">
                <a:solidFill>
                  <a:schemeClr val="bg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body" idx="1"/>
          </p:nvPr>
        </p:nvSpPr>
        <p:spPr>
          <a:xfrm>
            <a:off x="920481" y="2125031"/>
            <a:ext cx="10328814" cy="215444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1400" b="0" i="1">
                <a:solidFill>
                  <a:srgbClr val="231F20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>
          <a:xfrm>
            <a:off x="4137724" y="6530006"/>
            <a:ext cx="3894328" cy="584775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>
          <a:xfrm>
            <a:off x="608489" y="6530006"/>
            <a:ext cx="2799048" cy="584775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3/2020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>
          <a:xfrm>
            <a:off x="8762238" y="6530006"/>
            <a:ext cx="2799048" cy="584775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</p:sldLayoutIdLst>
  <p:timing>
    <p:tnLst>
      <p:par>
        <p:cTn id="1" dur="indefinite" restart="never" nodeType="tmRoot"/>
      </p:par>
    </p:tnLst>
  </p:timing>
  <p:txStyles>
    <p:titleStyle>
      <a:lvl1pPr>
        <a:defRPr>
          <a:latin typeface="+mj-lt"/>
          <a:ea typeface="+mj-ea"/>
          <a:cs typeface="+mj-cs"/>
        </a:defRPr>
      </a:lvl1pPr>
    </p:titleStyle>
    <p:bodyStyle>
      <a:lvl1pPr marL="0">
        <a:defRPr>
          <a:latin typeface="+mn-lt"/>
          <a:ea typeface="+mn-ea"/>
          <a:cs typeface="+mn-cs"/>
        </a:defRPr>
      </a:lvl1pPr>
      <a:lvl2pPr marL="973745">
        <a:defRPr>
          <a:latin typeface="+mn-lt"/>
          <a:ea typeface="+mn-ea"/>
          <a:cs typeface="+mn-cs"/>
        </a:defRPr>
      </a:lvl2pPr>
      <a:lvl3pPr marL="1947489">
        <a:defRPr>
          <a:latin typeface="+mn-lt"/>
          <a:ea typeface="+mn-ea"/>
          <a:cs typeface="+mn-cs"/>
        </a:defRPr>
      </a:lvl3pPr>
      <a:lvl4pPr marL="2921234">
        <a:defRPr>
          <a:latin typeface="+mn-lt"/>
          <a:ea typeface="+mn-ea"/>
          <a:cs typeface="+mn-cs"/>
        </a:defRPr>
      </a:lvl4pPr>
      <a:lvl5pPr marL="3894978">
        <a:defRPr>
          <a:latin typeface="+mn-lt"/>
          <a:ea typeface="+mn-ea"/>
          <a:cs typeface="+mn-cs"/>
        </a:defRPr>
      </a:lvl5pPr>
      <a:lvl6pPr marL="4868723">
        <a:defRPr>
          <a:latin typeface="+mn-lt"/>
          <a:ea typeface="+mn-ea"/>
          <a:cs typeface="+mn-cs"/>
        </a:defRPr>
      </a:lvl6pPr>
      <a:lvl7pPr marL="5842467">
        <a:defRPr>
          <a:latin typeface="+mn-lt"/>
          <a:ea typeface="+mn-ea"/>
          <a:cs typeface="+mn-cs"/>
        </a:defRPr>
      </a:lvl7pPr>
      <a:lvl8pPr marL="6816212">
        <a:defRPr>
          <a:latin typeface="+mn-lt"/>
          <a:ea typeface="+mn-ea"/>
          <a:cs typeface="+mn-cs"/>
        </a:defRPr>
      </a:lvl8pPr>
      <a:lvl9pPr marL="7789956">
        <a:defRPr>
          <a:latin typeface="+mn-lt"/>
          <a:ea typeface="+mn-ea"/>
          <a:cs typeface="+mn-cs"/>
        </a:defRPr>
      </a:lvl9pPr>
    </p:bodyStyle>
    <p:otherStyle>
      <a:lvl1pPr marL="0">
        <a:defRPr>
          <a:latin typeface="+mn-lt"/>
          <a:ea typeface="+mn-ea"/>
          <a:cs typeface="+mn-cs"/>
        </a:defRPr>
      </a:lvl1pPr>
      <a:lvl2pPr marL="973745">
        <a:defRPr>
          <a:latin typeface="+mn-lt"/>
          <a:ea typeface="+mn-ea"/>
          <a:cs typeface="+mn-cs"/>
        </a:defRPr>
      </a:lvl2pPr>
      <a:lvl3pPr marL="1947489">
        <a:defRPr>
          <a:latin typeface="+mn-lt"/>
          <a:ea typeface="+mn-ea"/>
          <a:cs typeface="+mn-cs"/>
        </a:defRPr>
      </a:lvl3pPr>
      <a:lvl4pPr marL="2921234">
        <a:defRPr>
          <a:latin typeface="+mn-lt"/>
          <a:ea typeface="+mn-ea"/>
          <a:cs typeface="+mn-cs"/>
        </a:defRPr>
      </a:lvl4pPr>
      <a:lvl5pPr marL="3894978">
        <a:defRPr>
          <a:latin typeface="+mn-lt"/>
          <a:ea typeface="+mn-ea"/>
          <a:cs typeface="+mn-cs"/>
        </a:defRPr>
      </a:lvl5pPr>
      <a:lvl6pPr marL="4868723">
        <a:defRPr>
          <a:latin typeface="+mn-lt"/>
          <a:ea typeface="+mn-ea"/>
          <a:cs typeface="+mn-cs"/>
        </a:defRPr>
      </a:lvl6pPr>
      <a:lvl7pPr marL="5842467">
        <a:defRPr>
          <a:latin typeface="+mn-lt"/>
          <a:ea typeface="+mn-ea"/>
          <a:cs typeface="+mn-cs"/>
        </a:defRPr>
      </a:lvl7pPr>
      <a:lvl8pPr marL="6816212">
        <a:defRPr>
          <a:latin typeface="+mn-lt"/>
          <a:ea typeface="+mn-ea"/>
          <a:cs typeface="+mn-cs"/>
        </a:defRPr>
      </a:lvl8pPr>
      <a:lvl9pPr marL="7789956">
        <a:defRPr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hyperlink" Target="https://www.ispringsolutions.com/ispringlearn" TargetMode="External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jpe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7.png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1" y="3322"/>
            <a:ext cx="12157712" cy="2209509"/>
          </a:xfrm>
          <a:custGeom>
            <a:avLst/>
            <a:gdLst/>
            <a:ahLst/>
            <a:cxnLst/>
            <a:rect l="l" t="t" r="r" b="b"/>
            <a:pathLst>
              <a:path w="5760085" h="1021080">
                <a:moveTo>
                  <a:pt x="5759640" y="0"/>
                </a:moveTo>
                <a:lnTo>
                  <a:pt x="0" y="0"/>
                </a:lnTo>
                <a:lnTo>
                  <a:pt x="0" y="1020952"/>
                </a:lnTo>
                <a:lnTo>
                  <a:pt x="5759640" y="1020952"/>
                </a:lnTo>
                <a:lnTo>
                  <a:pt x="5759640" y="0"/>
                </a:lnTo>
                <a:close/>
              </a:path>
            </a:pathLst>
          </a:custGeom>
          <a:solidFill>
            <a:srgbClr val="2365C7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-344533" y="510360"/>
            <a:ext cx="12169775" cy="954737"/>
          </a:xfrm>
          <a:prstGeom prst="rect">
            <a:avLst/>
          </a:prstGeom>
        </p:spPr>
        <p:txBody>
          <a:bodyPr vert="horz" wrap="square" lIns="0" tIns="31104" rIns="0" bIns="0" rtlCol="0">
            <a:spAutoFit/>
          </a:bodyPr>
          <a:lstStyle/>
          <a:p>
            <a:pPr marL="27048" algn="ctr">
              <a:spcBef>
                <a:spcPts val="243"/>
              </a:spcBef>
            </a:pPr>
            <a:r>
              <a:rPr sz="6000" spc="-11" dirty="0"/>
              <a:t>Информатика </a:t>
            </a:r>
            <a:r>
              <a:rPr sz="6000" spc="21" dirty="0"/>
              <a:t>и</a:t>
            </a:r>
            <a:r>
              <a:rPr sz="6000" spc="-85" dirty="0"/>
              <a:t> </a:t>
            </a:r>
            <a:r>
              <a:rPr sz="6000" spc="21" dirty="0"/>
              <a:t>ИТ</a:t>
            </a:r>
            <a:endParaRPr sz="6000"/>
          </a:p>
        </p:txBody>
      </p:sp>
      <p:sp>
        <p:nvSpPr>
          <p:cNvPr id="5" name="object 5"/>
          <p:cNvSpPr/>
          <p:nvPr/>
        </p:nvSpPr>
        <p:spPr>
          <a:xfrm>
            <a:off x="941351" y="3225004"/>
            <a:ext cx="726434" cy="2438416"/>
          </a:xfrm>
          <a:custGeom>
            <a:avLst/>
            <a:gdLst/>
            <a:ahLst/>
            <a:cxnLst/>
            <a:rect l="l" t="t" r="r" b="b"/>
            <a:pathLst>
              <a:path w="344170" h="740410">
                <a:moveTo>
                  <a:pt x="343828" y="0"/>
                </a:moveTo>
                <a:lnTo>
                  <a:pt x="0" y="0"/>
                </a:lnTo>
                <a:lnTo>
                  <a:pt x="0" y="740144"/>
                </a:lnTo>
                <a:lnTo>
                  <a:pt x="343828" y="740144"/>
                </a:lnTo>
                <a:lnTo>
                  <a:pt x="343828" y="0"/>
                </a:lnTo>
                <a:close/>
              </a:path>
            </a:pathLst>
          </a:custGeom>
          <a:solidFill>
            <a:srgbClr val="2365C7"/>
          </a:solidFill>
        </p:spPr>
        <p:txBody>
          <a:bodyPr wrap="square" lIns="0" tIns="0" rIns="0" bIns="0" rtlCol="0"/>
          <a:lstStyle/>
          <a:p>
            <a:endParaRPr/>
          </a:p>
        </p:txBody>
      </p:sp>
      <p:grpSp>
        <p:nvGrpSpPr>
          <p:cNvPr id="14" name="Группа 13"/>
          <p:cNvGrpSpPr/>
          <p:nvPr/>
        </p:nvGrpSpPr>
        <p:grpSpPr>
          <a:xfrm>
            <a:off x="10156853" y="438922"/>
            <a:ext cx="1338943" cy="1372699"/>
            <a:chOff x="9892263" y="460623"/>
            <a:chExt cx="1338943" cy="1372699"/>
          </a:xfrm>
        </p:grpSpPr>
        <p:grpSp>
          <p:nvGrpSpPr>
            <p:cNvPr id="8" name="object 8"/>
            <p:cNvGrpSpPr/>
            <p:nvPr/>
          </p:nvGrpSpPr>
          <p:grpSpPr>
            <a:xfrm>
              <a:off x="9892263" y="460623"/>
              <a:ext cx="1338943" cy="1372699"/>
              <a:chOff x="4686759" y="212867"/>
              <a:chExt cx="634365" cy="634365"/>
            </a:xfrm>
          </p:grpSpPr>
          <p:sp>
            <p:nvSpPr>
              <p:cNvPr id="9" name="object 9"/>
              <p:cNvSpPr/>
              <p:nvPr/>
            </p:nvSpPr>
            <p:spPr>
              <a:xfrm>
                <a:off x="4701999" y="228108"/>
                <a:ext cx="603885" cy="603885"/>
              </a:xfrm>
              <a:custGeom>
                <a:avLst/>
                <a:gdLst/>
                <a:ahLst/>
                <a:cxnLst/>
                <a:rect l="l" t="t" r="r" b="b"/>
                <a:pathLst>
                  <a:path w="603885" h="603885">
                    <a:moveTo>
                      <a:pt x="603608" y="0"/>
                    </a:moveTo>
                    <a:lnTo>
                      <a:pt x="0" y="0"/>
                    </a:lnTo>
                    <a:lnTo>
                      <a:pt x="0" y="603609"/>
                    </a:lnTo>
                    <a:lnTo>
                      <a:pt x="603608" y="603609"/>
                    </a:lnTo>
                    <a:lnTo>
                      <a:pt x="603608" y="0"/>
                    </a:lnTo>
                    <a:close/>
                  </a:path>
                </a:pathLst>
              </a:custGeom>
              <a:solidFill>
                <a:srgbClr val="00A650"/>
              </a:solidFill>
            </p:spPr>
            <p:txBody>
              <a:bodyPr wrap="square" lIns="0" tIns="0" rIns="0" bIns="0" rtlCol="0"/>
              <a:lstStyle/>
              <a:p>
                <a:endParaRPr/>
              </a:p>
            </p:txBody>
          </p:sp>
          <p:sp>
            <p:nvSpPr>
              <p:cNvPr id="10" name="object 10"/>
              <p:cNvSpPr/>
              <p:nvPr/>
            </p:nvSpPr>
            <p:spPr>
              <a:xfrm>
                <a:off x="4701999" y="228108"/>
                <a:ext cx="603885" cy="603885"/>
              </a:xfrm>
              <a:custGeom>
                <a:avLst/>
                <a:gdLst/>
                <a:ahLst/>
                <a:cxnLst/>
                <a:rect l="l" t="t" r="r" b="b"/>
                <a:pathLst>
                  <a:path w="603885" h="603885">
                    <a:moveTo>
                      <a:pt x="0" y="0"/>
                    </a:moveTo>
                    <a:lnTo>
                      <a:pt x="603608" y="0"/>
                    </a:lnTo>
                    <a:lnTo>
                      <a:pt x="603608" y="603609"/>
                    </a:lnTo>
                    <a:lnTo>
                      <a:pt x="0" y="603609"/>
                    </a:lnTo>
                    <a:lnTo>
                      <a:pt x="0" y="0"/>
                    </a:lnTo>
                    <a:close/>
                  </a:path>
                </a:pathLst>
              </a:custGeom>
              <a:ln w="30481">
                <a:solidFill>
                  <a:srgbClr val="FFFFFF"/>
                </a:solidFill>
              </a:ln>
            </p:spPr>
            <p:txBody>
              <a:bodyPr wrap="square" lIns="0" tIns="0" rIns="0" bIns="0" rtlCol="0"/>
              <a:lstStyle/>
              <a:p>
                <a:endParaRPr/>
              </a:p>
            </p:txBody>
          </p:sp>
        </p:grpSp>
        <p:sp>
          <p:nvSpPr>
            <p:cNvPr id="11" name="object 11"/>
            <p:cNvSpPr txBox="1"/>
            <p:nvPr/>
          </p:nvSpPr>
          <p:spPr>
            <a:xfrm>
              <a:off x="10371167" y="510360"/>
              <a:ext cx="365897" cy="772805"/>
            </a:xfrm>
            <a:prstGeom prst="rect">
              <a:avLst/>
            </a:prstGeom>
          </p:spPr>
          <p:txBody>
            <a:bodyPr vert="horz" wrap="square" lIns="0" tIns="33811" rIns="0" bIns="0" rtlCol="0">
              <a:spAutoFit/>
            </a:bodyPr>
            <a:lstStyle/>
            <a:p>
              <a:pPr>
                <a:spcBef>
                  <a:spcPts val="266"/>
                </a:spcBef>
              </a:pPr>
              <a:r>
                <a:rPr lang="ru-RU" sz="4800" b="1" dirty="0" smtClean="0">
                  <a:solidFill>
                    <a:schemeClr val="bg1"/>
                  </a:solidFill>
                  <a:latin typeface="Arial"/>
                  <a:cs typeface="Arial"/>
                </a:rPr>
                <a:t>8</a:t>
              </a:r>
              <a:endParaRPr sz="4800" b="1">
                <a:solidFill>
                  <a:schemeClr val="bg1"/>
                </a:solidFill>
                <a:latin typeface="Arial"/>
                <a:cs typeface="Arial"/>
              </a:endParaRPr>
            </a:p>
          </p:txBody>
        </p:sp>
        <p:sp>
          <p:nvSpPr>
            <p:cNvPr id="12" name="object 12"/>
            <p:cNvSpPr txBox="1"/>
            <p:nvPr/>
          </p:nvSpPr>
          <p:spPr>
            <a:xfrm>
              <a:off x="9942539" y="1224740"/>
              <a:ext cx="1214446" cy="456834"/>
            </a:xfrm>
            <a:prstGeom prst="rect">
              <a:avLst/>
            </a:prstGeom>
          </p:spPr>
          <p:txBody>
            <a:bodyPr vert="horz" wrap="square" lIns="0" tIns="25696" rIns="0" bIns="0" rtlCol="0">
              <a:spAutoFit/>
            </a:bodyPr>
            <a:lstStyle/>
            <a:p>
              <a:pPr algn="ctr">
                <a:spcBef>
                  <a:spcPts val="202"/>
                </a:spcBef>
              </a:pPr>
              <a:r>
                <a:rPr sz="2800" b="1" spc="11" dirty="0">
                  <a:solidFill>
                    <a:srgbClr val="FFFFFF"/>
                  </a:solidFill>
                  <a:latin typeface="Arial"/>
                  <a:cs typeface="Arial"/>
                </a:rPr>
                <a:t>к</a:t>
              </a:r>
              <a:r>
                <a:rPr sz="2800" b="1" spc="-11" dirty="0">
                  <a:solidFill>
                    <a:srgbClr val="FFFFFF"/>
                  </a:solidFill>
                  <a:latin typeface="Arial"/>
                  <a:cs typeface="Arial"/>
                </a:rPr>
                <a:t>ласс</a:t>
              </a:r>
              <a:endParaRPr sz="2800" b="1">
                <a:latin typeface="Arial"/>
                <a:cs typeface="Arial"/>
              </a:endParaRPr>
            </a:p>
          </p:txBody>
        </p:sp>
      </p:grpSp>
      <p:pic>
        <p:nvPicPr>
          <p:cNvPr id="13" name="Picture 3"/>
          <p:cNvPicPr>
            <a:picLocks noChangeAspect="1" noChangeArrowheads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441285" y="510360"/>
            <a:ext cx="1294543" cy="92869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sp>
        <p:nvSpPr>
          <p:cNvPr id="15" name="Прямоугольник 14"/>
          <p:cNvSpPr/>
          <p:nvPr/>
        </p:nvSpPr>
        <p:spPr>
          <a:xfrm>
            <a:off x="2012921" y="3725070"/>
            <a:ext cx="6083300" cy="1292662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ru-RU" sz="3900" b="1" dirty="0" smtClean="0">
                <a:solidFill>
                  <a:srgbClr val="0070C0"/>
                </a:solidFill>
                <a:latin typeface="Arial" pitchFamily="34" charset="0"/>
                <a:cs typeface="Arial" pitchFamily="34" charset="0"/>
              </a:rPr>
              <a:t>ВИДЫ И ФУНКЦИИ ПЛАТФОРМ LMS</a:t>
            </a:r>
          </a:p>
        </p:txBody>
      </p:sp>
      <p:pic>
        <p:nvPicPr>
          <p:cNvPr id="15362" name="Picture 2" descr="https://img2.pngio.com/lms-learning-management-system-atlantic-web-fitters-learning-management-system-png-1150_800.png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7445937" y="2724938"/>
            <a:ext cx="4723838" cy="3286148"/>
          </a:xfrm>
          <a:prstGeom prst="rect">
            <a:avLst/>
          </a:prstGeom>
          <a:noFill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441285" y="1656048"/>
            <a:ext cx="11430080" cy="43550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ru-RU" sz="3600" dirty="0" smtClean="0">
                <a:latin typeface="Arial" pitchFamily="34" charset="0"/>
                <a:cs typeface="Arial" pitchFamily="34" charset="0"/>
              </a:rPr>
              <a:t>В основном используется в образовательных учреждениях и учебных центрах.</a:t>
            </a:r>
          </a:p>
          <a:p>
            <a:pPr indent="715963" algn="just">
              <a:spcAft>
                <a:spcPts val="600"/>
              </a:spcAft>
            </a:pPr>
            <a:r>
              <a:rPr lang="ru-RU" sz="3600" dirty="0" smtClean="0">
                <a:latin typeface="Arial" pitchFamily="34" charset="0"/>
                <a:cs typeface="Arial" pitchFamily="34" charset="0"/>
              </a:rPr>
              <a:t>Серверные LMS: </a:t>
            </a:r>
          </a:p>
          <a:p>
            <a:pPr indent="715963" algn="just">
              <a:spcAft>
                <a:spcPts val="600"/>
              </a:spcAft>
            </a:pP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, </a:t>
            </a:r>
          </a:p>
          <a:p>
            <a:pPr indent="715963" algn="just">
              <a:spcAft>
                <a:spcPts val="600"/>
              </a:spcAft>
            </a:pP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BlackBoard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, </a:t>
            </a:r>
          </a:p>
          <a:p>
            <a:pPr indent="715963" algn="just">
              <a:spcAft>
                <a:spcPts val="600"/>
              </a:spcAft>
            </a:pP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Canvas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, </a:t>
            </a:r>
          </a:p>
          <a:p>
            <a:pPr indent="715963" algn="just">
              <a:spcAft>
                <a:spcPts val="600"/>
              </a:spcAft>
            </a:pPr>
            <a:r>
              <a:rPr lang="en-US" sz="3600" dirty="0" smtClean="0">
                <a:latin typeface="Arial" pitchFamily="34" charset="0"/>
                <a:cs typeface="Arial" pitchFamily="34" charset="0"/>
              </a:rPr>
              <a:t>Absorb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 LMS и т. д.</a:t>
            </a:r>
            <a:endParaRPr lang="ru-RU" sz="360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4" name="object 2"/>
          <p:cNvSpPr txBox="1">
            <a:spLocks/>
          </p:cNvSpPr>
          <p:nvPr/>
        </p:nvSpPr>
        <p:spPr>
          <a:xfrm>
            <a:off x="226971" y="296046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СЕРВЕРНЫЕ LMS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6" name="Picture 3"/>
          <p:cNvPicPr>
            <a:picLocks noChangeAspect="1" noChangeArrowheads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6656391" y="3510756"/>
            <a:ext cx="3357586" cy="184594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369847" y="1367616"/>
            <a:ext cx="11001452" cy="48320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В LMS, интегрированных с CMS, специальные программы, выполняющие функции LMS, присоединяются к CMS и расширяют возможности CMS. </a:t>
            </a:r>
          </a:p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В составе CMS служит разделы с отдельными учебными курсами. Такие системы удобны тем, кто хочет открыть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онлайн-школу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и курс.</a:t>
            </a:r>
          </a:p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LMS, интегрированные с</a:t>
            </a:r>
          </a:p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CMS: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LearnDash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(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wordpress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), </a:t>
            </a:r>
          </a:p>
          <a:p>
            <a:pPr indent="715963" algn="just">
              <a:spcAft>
                <a:spcPts val="600"/>
              </a:spcAft>
            </a:pP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joomla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drupal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wix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 LMS, ИНТЕГРИРОВАННЫХ С CMS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6" name="Picture 2"/>
          <p:cNvPicPr>
            <a:picLocks noChangeAspect="1" noChangeArrowheads="1"/>
          </p:cNvPicPr>
          <p:nvPr/>
        </p:nvPicPr>
        <p:blipFill>
          <a:blip r:embed="rId2">
            <a:lum contrast="10000"/>
          </a:blip>
          <a:srcRect/>
          <a:stretch>
            <a:fillRect/>
          </a:stretch>
        </p:blipFill>
        <p:spPr bwMode="auto">
          <a:xfrm>
            <a:off x="7513647" y="4296574"/>
            <a:ext cx="2928958" cy="168217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369847" y="1367616"/>
            <a:ext cx="11215766" cy="490903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en-US" sz="2800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en-US" sz="2800" dirty="0" smtClean="0">
                <a:latin typeface="Arial" pitchFamily="34" charset="0"/>
                <a:cs typeface="Arial" pitchFamily="34" charset="0"/>
              </a:rPr>
              <a:t> (https://www.schoology.com/) 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- облачные LMS, предназначенные для образовательных учреждений.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Shoology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может объединяться с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Drive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,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Microsoft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OneDrive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,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Blackboard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Collaborate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,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, </a:t>
            </a:r>
            <a:r>
              <a:rPr lang="en-US" sz="2800" dirty="0" err="1" smtClean="0">
                <a:latin typeface="Arial" pitchFamily="34" charset="0"/>
                <a:cs typeface="Arial" pitchFamily="34" charset="0"/>
              </a:rPr>
              <a:t>PowerSchool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,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Evernote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и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YouTube.Он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также синхронизируется с системой школьных данных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.</a:t>
            </a:r>
            <a:endParaRPr lang="ru-RU" sz="2800" dirty="0" smtClean="0">
              <a:latin typeface="Arial" pitchFamily="34" charset="0"/>
              <a:cs typeface="Arial" pitchFamily="34" charset="0"/>
            </a:endParaRPr>
          </a:p>
          <a:p>
            <a:pPr indent="715963" algn="just"/>
            <a:r>
              <a:rPr lang="ru-RU" sz="2800" dirty="0" smtClean="0">
                <a:latin typeface="Arial" pitchFamily="34" charset="0"/>
                <a:cs typeface="Arial" pitchFamily="34" charset="0"/>
              </a:rPr>
              <a:t>Педагогам 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предоставляется</a:t>
            </a:r>
          </a:p>
          <a:p>
            <a:pPr algn="just"/>
            <a:r>
              <a:rPr lang="ru-RU" sz="28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возможность 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обмениваться 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с учащимися учебными</a:t>
            </a:r>
          </a:p>
          <a:p>
            <a:pPr algn="just"/>
            <a:r>
              <a:rPr lang="ru-RU" sz="2800" dirty="0" smtClean="0">
                <a:latin typeface="Arial" pitchFamily="34" charset="0"/>
                <a:cs typeface="Arial" pitchFamily="34" charset="0"/>
              </a:rPr>
              <a:t> материалами и заданиями, </a:t>
            </a:r>
          </a:p>
          <a:p>
            <a:pPr algn="just"/>
            <a:r>
              <a:rPr lang="ru-RU" sz="2800" dirty="0" smtClean="0">
                <a:latin typeface="Arial" pitchFamily="34" charset="0"/>
                <a:cs typeface="Arial" pitchFamily="34" charset="0"/>
              </a:rPr>
              <a:t>а также налаживать организованную </a:t>
            </a:r>
          </a:p>
          <a:p>
            <a:pPr algn="just"/>
            <a:r>
              <a:rPr lang="ru-RU" sz="2800" dirty="0" smtClean="0">
                <a:latin typeface="Arial" pitchFamily="34" charset="0"/>
                <a:cs typeface="Arial" pitchFamily="34" charset="0"/>
              </a:rPr>
              <a:t>связь с учащимися и их родителями.</a:t>
            </a:r>
          </a:p>
        </p:txBody>
      </p:sp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ИНТЕРФЕЙС  </a:t>
            </a: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MS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6" name="Picture 2"/>
          <p:cNvPicPr>
            <a:picLocks noChangeAspect="1" noChangeArrowheads="1"/>
          </p:cNvPicPr>
          <p:nvPr/>
        </p:nvPicPr>
        <p:blipFill>
          <a:blip r:embed="rId2">
            <a:lum bright="-10000" contrast="20000"/>
          </a:blip>
          <a:srcRect/>
          <a:stretch>
            <a:fillRect/>
          </a:stretch>
        </p:blipFill>
        <p:spPr bwMode="auto">
          <a:xfrm>
            <a:off x="7085019" y="3867946"/>
            <a:ext cx="4000528" cy="227057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ИНТЕРФЕЙС  </a:t>
            </a: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MS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2">
            <a:lum bright="-20000" contrast="20000"/>
          </a:blip>
          <a:srcRect/>
          <a:stretch>
            <a:fillRect/>
          </a:stretch>
        </p:blipFill>
        <p:spPr bwMode="auto">
          <a:xfrm>
            <a:off x="869913" y="1439054"/>
            <a:ext cx="10429948" cy="531748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441285" y="1367616"/>
            <a:ext cx="11287204" cy="513986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en-US" sz="2800" dirty="0" err="1" smtClean="0">
                <a:latin typeface="Arial" pitchFamily="34" charset="0"/>
                <a:cs typeface="Arial" pitchFamily="34" charset="0"/>
              </a:rPr>
              <a:t>iSpring</a:t>
            </a:r>
            <a:r>
              <a:rPr lang="en-US" sz="2800" dirty="0" smtClean="0">
                <a:latin typeface="Arial" pitchFamily="34" charset="0"/>
                <a:cs typeface="Arial" pitchFamily="34" charset="0"/>
              </a:rPr>
              <a:t> Learn (</a:t>
            </a:r>
            <a:r>
              <a:rPr lang="en-US" sz="2800" dirty="0" smtClean="0">
                <a:latin typeface="Arial" pitchFamily="34" charset="0"/>
                <a:cs typeface="Arial" pitchFamily="34" charset="0"/>
                <a:hlinkClick r:id="rId2"/>
              </a:rPr>
              <a:t>https://www.ispringsolutions.com/ispringlearn</a:t>
            </a:r>
            <a:r>
              <a:rPr lang="en-US" sz="2800" dirty="0" smtClean="0">
                <a:latin typeface="Arial" pitchFamily="34" charset="0"/>
                <a:cs typeface="Arial" pitchFamily="34" charset="0"/>
              </a:rPr>
              <a:t>)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платформа разработана для обучения пользователей в образовательных учреждениях и компаниях. Но в то же время в качестве основных клиентов на практике работают образовательные учреждения. Модуль и его материалы (текст, аудио, видео, презентация, симулятор, задание, тест и т. д.) вводится с помощью раздела редактора отчетов платформы.</a:t>
            </a:r>
          </a:p>
          <a:p>
            <a:pPr indent="715963" algn="just">
              <a:spcAft>
                <a:spcPts val="600"/>
              </a:spcAft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 С помощью отдела отчетов можно </a:t>
            </a:r>
          </a:p>
          <a:p>
            <a:pPr algn="just">
              <a:spcAft>
                <a:spcPts val="600"/>
              </a:spcAft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проводить анализ и статистику </a:t>
            </a:r>
          </a:p>
          <a:p>
            <a:pPr algn="just">
              <a:spcAft>
                <a:spcPts val="600"/>
              </a:spcAft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деятельности пользователей и</a:t>
            </a:r>
          </a:p>
          <a:p>
            <a:pPr algn="just">
              <a:spcAft>
                <a:spcPts val="600"/>
              </a:spcAft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результатов освоения.</a:t>
            </a:r>
          </a:p>
        </p:txBody>
      </p:sp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ISPRING LEARN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3">
            <a:lum bright="-20000" contrast="30000"/>
          </a:blip>
          <a:srcRect/>
          <a:stretch>
            <a:fillRect/>
          </a:stretch>
        </p:blipFill>
        <p:spPr bwMode="auto">
          <a:xfrm>
            <a:off x="7513647" y="4653764"/>
            <a:ext cx="3429024" cy="202501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ISPRING LEARN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2">
            <a:lum contrast="30000"/>
          </a:blip>
          <a:srcRect/>
          <a:stretch>
            <a:fillRect/>
          </a:stretch>
        </p:blipFill>
        <p:spPr bwMode="auto">
          <a:xfrm>
            <a:off x="655599" y="1367616"/>
            <a:ext cx="10715700" cy="541571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ISPRING LEARN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3075" name="Picture 3"/>
          <p:cNvPicPr>
            <a:picLocks noChangeAspect="1" noChangeArrowheads="1"/>
          </p:cNvPicPr>
          <p:nvPr/>
        </p:nvPicPr>
        <p:blipFill>
          <a:blip r:embed="rId2">
            <a:lum bright="-30000" contrast="40000"/>
          </a:blip>
          <a:srcRect t="2985"/>
          <a:stretch>
            <a:fillRect/>
          </a:stretch>
        </p:blipFill>
        <p:spPr bwMode="auto">
          <a:xfrm>
            <a:off x="298409" y="1796244"/>
            <a:ext cx="11560866" cy="464347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727037" y="1409826"/>
            <a:ext cx="11001452" cy="509370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en-US" sz="3200" dirty="0" smtClean="0">
                <a:latin typeface="Arial" pitchFamily="34" charset="0"/>
                <a:cs typeface="Arial" pitchFamily="34" charset="0"/>
              </a:rPr>
              <a:t>Google Classroom (https://classroom.google.com/) 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- для образования. </a:t>
            </a:r>
          </a:p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Будучи разработанной платформой, он предоставляет такие возможности, как создание курса/класса и добавление учеников, ввод и представление необходимых учебных материалов, предоставление ученикам заданий, оценка их работы и отслеживание их деятельности, общение со студентами. В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Classroom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любой пользователь, у которого есть учетная запись в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может создать курс.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GOOGLE CLASSROOM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GOOGLE CLASSROOM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6" name="Рисунок 5" descr="Снимок.JPG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52484" y="1581930"/>
            <a:ext cx="11204567" cy="4429156"/>
          </a:xfrm>
          <a:prstGeom prst="rect">
            <a:avLst/>
          </a:prstGeom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727037" y="1296178"/>
            <a:ext cx="11072890" cy="547842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en-US" sz="26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en-US" sz="2600" dirty="0" smtClean="0">
                <a:latin typeface="Arial" pitchFamily="34" charset="0"/>
                <a:cs typeface="Arial" pitchFamily="34" charset="0"/>
              </a:rPr>
              <a:t> (Modular Object-Oriented Dynamic Learning Environment) (http://moodle.org/) </a:t>
            </a:r>
            <a:r>
              <a:rPr lang="ru-RU" sz="2600" dirty="0" smtClean="0">
                <a:latin typeface="Arial" pitchFamily="34" charset="0"/>
                <a:cs typeface="Arial" pitchFamily="34" charset="0"/>
              </a:rPr>
              <a:t>предназначен для создания качественных дистанционных курсов, которые считаются средой дистанционного обучения. </a:t>
            </a:r>
          </a:p>
          <a:p>
            <a:pPr indent="715963" algn="just">
              <a:spcAft>
                <a:spcPts val="600"/>
              </a:spcAft>
            </a:pPr>
            <a:r>
              <a:rPr lang="ru-RU" sz="2600" dirty="0" smtClean="0">
                <a:latin typeface="Arial" pitchFamily="34" charset="0"/>
                <a:cs typeface="Arial" pitchFamily="34" charset="0"/>
              </a:rPr>
              <a:t>Этот программный продукт используется более чем в 100 странах мира. Этот программный комплекс, распространяемый бесплатно, способен удовлетворить множество требований пользователей к своим функциональным возможностям, простоте в освоении и простоте использования.</a:t>
            </a:r>
          </a:p>
          <a:p>
            <a:pPr indent="715963" algn="just">
              <a:spcAft>
                <a:spcPts val="600"/>
              </a:spcAft>
            </a:pPr>
            <a:r>
              <a:rPr lang="ru-RU" sz="26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ru-RU" sz="2600" dirty="0" smtClean="0">
                <a:latin typeface="Arial" pitchFamily="34" charset="0"/>
                <a:cs typeface="Arial" pitchFamily="34" charset="0"/>
              </a:rPr>
              <a:t> предоставляет широкий спектр возможностей для полной поддержки процесса обучения в дистанционном образовании, включая предоставление учебных материалов различными способами, проверку знаний и контроль за их усвоением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.</a:t>
            </a:r>
            <a:endParaRPr lang="ru-RU" sz="280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MOODLE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/>
        </p:nvSpPr>
        <p:spPr>
          <a:xfrm>
            <a:off x="1025447" y="1367616"/>
            <a:ext cx="10488728" cy="50167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87313" indent="720725" algn="just">
              <a:lnSpc>
                <a:spcPct val="150000"/>
              </a:lnSpc>
              <a:spcAft>
                <a:spcPts val="600"/>
              </a:spcAft>
              <a:buFont typeface="Wingdings" pitchFamily="2" charset="2"/>
              <a:buChar char="q"/>
            </a:pPr>
            <a:r>
              <a:rPr lang="ru-RU" sz="4000" dirty="0" smtClean="0">
                <a:latin typeface="Arial" pitchFamily="34" charset="0"/>
                <a:cs typeface="Arial" pitchFamily="34" charset="0"/>
              </a:rPr>
              <a:t>Интерфейс </a:t>
            </a:r>
            <a:r>
              <a:rPr lang="en-US" sz="4000" dirty="0" smtClean="0">
                <a:latin typeface="Arial" pitchFamily="34" charset="0"/>
                <a:cs typeface="Arial" pitchFamily="34" charset="0"/>
              </a:rPr>
              <a:t> LMS</a:t>
            </a:r>
            <a:endParaRPr lang="ru-RU" sz="4000" dirty="0" smtClean="0">
              <a:latin typeface="Arial" pitchFamily="34" charset="0"/>
              <a:cs typeface="Arial" pitchFamily="34" charset="0"/>
            </a:endParaRPr>
          </a:p>
          <a:p>
            <a:pPr marL="87313" indent="720725" algn="just">
              <a:lnSpc>
                <a:spcPct val="150000"/>
              </a:lnSpc>
              <a:spcAft>
                <a:spcPts val="600"/>
              </a:spcAft>
              <a:buFont typeface="Wingdings" pitchFamily="2" charset="2"/>
              <a:buChar char="q"/>
            </a:pPr>
            <a:r>
              <a:rPr lang="ru-RU" sz="4000" dirty="0" smtClean="0">
                <a:latin typeface="Arial" pitchFamily="34" charset="0"/>
                <a:cs typeface="Arial" pitchFamily="34" charset="0"/>
              </a:rPr>
              <a:t>Основные понятия</a:t>
            </a:r>
          </a:p>
          <a:p>
            <a:pPr marL="87313" indent="720725" algn="just">
              <a:lnSpc>
                <a:spcPct val="150000"/>
              </a:lnSpc>
              <a:spcAft>
                <a:spcPts val="600"/>
              </a:spcAft>
              <a:buFont typeface="Wingdings" pitchFamily="2" charset="2"/>
              <a:buChar char="q"/>
            </a:pPr>
            <a:r>
              <a:rPr lang="ru-RU" sz="4000" dirty="0" smtClean="0">
                <a:latin typeface="Arial" pitchFamily="34" charset="0"/>
                <a:cs typeface="Arial" pitchFamily="34" charset="0"/>
              </a:rPr>
              <a:t>Преимущества </a:t>
            </a:r>
            <a:r>
              <a:rPr lang="en-US" sz="4000" dirty="0" smtClean="0">
                <a:latin typeface="Arial" pitchFamily="34" charset="0"/>
                <a:cs typeface="Arial" pitchFamily="34" charset="0"/>
              </a:rPr>
              <a:t>LMS</a:t>
            </a:r>
            <a:endParaRPr lang="ru-RU" sz="4000" dirty="0" smtClean="0">
              <a:latin typeface="Arial" pitchFamily="34" charset="0"/>
              <a:cs typeface="Arial" pitchFamily="34" charset="0"/>
            </a:endParaRPr>
          </a:p>
          <a:p>
            <a:pPr marL="87313" indent="720725" algn="just">
              <a:lnSpc>
                <a:spcPct val="150000"/>
              </a:lnSpc>
              <a:spcAft>
                <a:spcPts val="600"/>
              </a:spcAft>
              <a:buFont typeface="Wingdings" pitchFamily="2" charset="2"/>
              <a:buChar char="q"/>
            </a:pPr>
            <a:r>
              <a:rPr lang="ru-RU" sz="4000" dirty="0" smtClean="0">
                <a:latin typeface="Arial" pitchFamily="34" charset="0"/>
                <a:cs typeface="Arial" pitchFamily="34" charset="0"/>
              </a:rPr>
              <a:t>Недостатки  </a:t>
            </a:r>
            <a:r>
              <a:rPr lang="en-US" sz="4000" dirty="0" smtClean="0">
                <a:latin typeface="Arial" pitchFamily="34" charset="0"/>
                <a:cs typeface="Arial" pitchFamily="34" charset="0"/>
              </a:rPr>
              <a:t>LMS</a:t>
            </a:r>
            <a:endParaRPr lang="ru-RU" sz="4000" dirty="0" smtClean="0">
              <a:latin typeface="Arial" pitchFamily="34" charset="0"/>
              <a:cs typeface="Arial" pitchFamily="34" charset="0"/>
            </a:endParaRPr>
          </a:p>
          <a:p>
            <a:pPr marL="87313" indent="720725" algn="just">
              <a:lnSpc>
                <a:spcPct val="150000"/>
              </a:lnSpc>
              <a:spcAft>
                <a:spcPts val="600"/>
              </a:spcAft>
              <a:buFont typeface="Wingdings" pitchFamily="2" charset="2"/>
              <a:buChar char="q"/>
            </a:pPr>
            <a:r>
              <a:rPr lang="ru-RU" sz="4000" dirty="0" smtClean="0">
                <a:latin typeface="Arial" pitchFamily="34" charset="0"/>
                <a:cs typeface="Arial" pitchFamily="34" charset="0"/>
              </a:rPr>
              <a:t>Основные функции систем</a:t>
            </a:r>
            <a:r>
              <a:rPr lang="en-US" sz="4000" dirty="0" smtClean="0">
                <a:latin typeface="Arial" pitchFamily="34" charset="0"/>
                <a:cs typeface="Arial" pitchFamily="34" charset="0"/>
              </a:rPr>
              <a:t> LMS</a:t>
            </a:r>
            <a:endParaRPr lang="ru-RU" sz="4000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6" name="object 2"/>
          <p:cNvSpPr txBox="1">
            <a:spLocks/>
          </p:cNvSpPr>
          <p:nvPr/>
        </p:nvSpPr>
        <p:spPr>
          <a:xfrm>
            <a:off x="226971" y="224608"/>
            <a:ext cx="11715832" cy="1266613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marL="92075" indent="898525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ПЛАН  УРОКА</a:t>
            </a:r>
          </a:p>
          <a:p>
            <a:pPr marL="92075" indent="898525" algn="ctr"/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1000"/>
                            </p:stCondLst>
                            <p:childTnLst>
                              <p:par>
                                <p:cTn id="11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000"/>
                            </p:stCondLst>
                            <p:childTnLst>
                              <p:par>
                                <p:cTn id="17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3000"/>
                            </p:stCondLst>
                            <p:childTnLst>
                              <p:par>
                                <p:cTn id="23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6" dur="1000" fill="hold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" dur="1000" fill="hold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4000"/>
                            </p:stCondLst>
                            <p:childTnLst>
                              <p:par>
                                <p:cTn id="29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2" dur="1000" fill="hold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1000" fill="hold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 bldLvl="5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MOODLE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2">
            <a:lum bright="-20000" contrast="40000"/>
          </a:blip>
          <a:srcRect/>
          <a:stretch>
            <a:fillRect/>
          </a:stretch>
        </p:blipFill>
        <p:spPr bwMode="auto">
          <a:xfrm>
            <a:off x="500649" y="1439054"/>
            <a:ext cx="11013526" cy="507766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727037" y="1224740"/>
            <a:ext cx="11001452" cy="566308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LearnDash-это надежный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плагин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который позволяет создавать, управлять, изменять и публиковать классы в популярной системе управления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контентом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(CMS). </a:t>
            </a:r>
          </a:p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Этот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плагин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работает на платформе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WordPress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 Поэтому, если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WordPress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установлен на компьютере учебного заведения, дополнительно Вы можете создать учебные курсы, установив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плагин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LearnDash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</a:t>
            </a:r>
          </a:p>
          <a:p>
            <a:pPr indent="715963" algn="just">
              <a:spcAft>
                <a:spcPts val="600"/>
              </a:spcAft>
            </a:pP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Плагин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также позволяет создавать несколько курсов и копировать их содержимое из одного класса в другой. Также с помощью функций содержимого можно оформлять сертификаты и значки.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ARNDASH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ARNDASH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2">
            <a:lum contrast="10000"/>
          </a:blip>
          <a:srcRect/>
          <a:stretch>
            <a:fillRect/>
          </a:stretch>
        </p:blipFill>
        <p:spPr bwMode="auto">
          <a:xfrm>
            <a:off x="9799663" y="1285240"/>
            <a:ext cx="2133609" cy="122538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pic>
        <p:nvPicPr>
          <p:cNvPr id="5123" name="Picture 3"/>
          <p:cNvPicPr>
            <a:picLocks noChangeAspect="1" noChangeArrowheads="1"/>
          </p:cNvPicPr>
          <p:nvPr/>
        </p:nvPicPr>
        <p:blipFill>
          <a:blip r:embed="rId3">
            <a:lum bright="-10000" contrast="20000"/>
          </a:blip>
          <a:srcRect/>
          <a:stretch>
            <a:fillRect/>
          </a:stretch>
        </p:blipFill>
        <p:spPr bwMode="auto">
          <a:xfrm>
            <a:off x="584161" y="1296177"/>
            <a:ext cx="9144064" cy="514108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/>
        </p:nvSpPr>
        <p:spPr>
          <a:xfrm>
            <a:off x="727037" y="1439054"/>
            <a:ext cx="11144328" cy="510909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indent="715963">
              <a:spcAft>
                <a:spcPts val="600"/>
              </a:spcAft>
              <a:buAutoNum type="arabicPeriod"/>
            </a:pPr>
            <a:r>
              <a:rPr lang="ru-RU" sz="3400" dirty="0" smtClean="0">
                <a:latin typeface="Arial" pitchFamily="34" charset="0"/>
                <a:cs typeface="Arial" pitchFamily="34" charset="0"/>
              </a:rPr>
              <a:t>Чему служат платформы LMS?</a:t>
            </a:r>
          </a:p>
          <a:p>
            <a:pPr indent="715963">
              <a:spcAft>
                <a:spcPts val="600"/>
              </a:spcAft>
              <a:buAutoNum type="arabicPeriod"/>
            </a:pPr>
            <a:r>
              <a:rPr lang="ru-RU" sz="3400" dirty="0" smtClean="0">
                <a:latin typeface="Arial" pitchFamily="34" charset="0"/>
                <a:cs typeface="Arial" pitchFamily="34" charset="0"/>
              </a:rPr>
              <a:t>По какому принципу работают облачные платформы LMS?</a:t>
            </a:r>
          </a:p>
          <a:p>
            <a:pPr indent="715963">
              <a:spcAft>
                <a:spcPts val="600"/>
              </a:spcAft>
              <a:buAutoNum type="arabicPeriod"/>
            </a:pPr>
            <a:r>
              <a:rPr lang="ru-RU" sz="3400" dirty="0" smtClean="0">
                <a:latin typeface="Arial" pitchFamily="34" charset="0"/>
                <a:cs typeface="Arial" pitchFamily="34" charset="0"/>
              </a:rPr>
              <a:t>Где хранятся данные учебных курсов на серверных платформах LMS?</a:t>
            </a:r>
          </a:p>
          <a:p>
            <a:pPr indent="715963">
              <a:spcAft>
                <a:spcPts val="600"/>
              </a:spcAft>
              <a:buAutoNum type="arabicPeriod"/>
            </a:pPr>
            <a:r>
              <a:rPr lang="ru-RU" sz="3400" dirty="0" smtClean="0">
                <a:latin typeface="Arial" pitchFamily="34" charset="0"/>
                <a:cs typeface="Arial" pitchFamily="34" charset="0"/>
              </a:rPr>
              <a:t>Приведите примеры интегрированных LMS с CMS.</a:t>
            </a:r>
          </a:p>
          <a:p>
            <a:pPr indent="715963">
              <a:spcAft>
                <a:spcPts val="600"/>
              </a:spcAft>
              <a:buAutoNum type="arabicPeriod"/>
            </a:pPr>
            <a:r>
              <a:rPr lang="ru-RU" sz="3400" dirty="0" smtClean="0">
                <a:latin typeface="Arial" pitchFamily="34" charset="0"/>
                <a:cs typeface="Arial" pitchFamily="34" charset="0"/>
              </a:rPr>
              <a:t>Приведите примеры облачных платформ LMS. Например, </a:t>
            </a:r>
            <a:r>
              <a:rPr lang="ru-RU" sz="34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34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400" dirty="0" err="1" smtClean="0">
                <a:latin typeface="Arial" pitchFamily="34" charset="0"/>
                <a:cs typeface="Arial" pitchFamily="34" charset="0"/>
              </a:rPr>
              <a:t>Classroom</a:t>
            </a:r>
            <a:r>
              <a:rPr lang="ru-RU" sz="3400" dirty="0" smtClean="0">
                <a:latin typeface="Arial" pitchFamily="34" charset="0"/>
                <a:cs typeface="Arial" pitchFamily="34" charset="0"/>
              </a:rPr>
              <a:t>,... .</a:t>
            </a:r>
            <a:endParaRPr lang="en-US" sz="3400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6" name="object 2"/>
          <p:cNvSpPr txBox="1">
            <a:spLocks/>
          </p:cNvSpPr>
          <p:nvPr/>
        </p:nvSpPr>
        <p:spPr>
          <a:xfrm>
            <a:off x="0" y="510360"/>
            <a:ext cx="12169775" cy="402338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marL="92075" indent="3175" algn="ctr">
              <a:lnSpc>
                <a:spcPts val="2600"/>
              </a:lnSpc>
            </a:pPr>
            <a:r>
              <a:rPr lang="ru-RU" sz="40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ЗАДАНИЕ ДЛЯ САМОСТОЯТЕЛЬНОЙ РАБОТЫ</a:t>
            </a: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6" dur="1000" fill="hold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1000" fill="hold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346095"/>
            <a:ext cx="11715832" cy="681837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marL="92075" indent="90488" algn="ctr"/>
            <a:r>
              <a:rPr lang="ru-RU" sz="42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СИСТЕМЫ </a:t>
            </a:r>
            <a:r>
              <a:rPr lang="ru-RU" sz="4200" b="1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УПРАВЛЕНИЯ ОБРАЗОВАНИЕМ</a:t>
            </a:r>
            <a:endParaRPr lang="ru-RU" sz="42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512723" y="1483382"/>
            <a:ext cx="11287204" cy="517064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/>
            <a:r>
              <a:rPr lang="ru-RU" sz="3000" dirty="0" smtClean="0">
                <a:latin typeface="Arial" pitchFamily="34" charset="0"/>
                <a:cs typeface="Arial" pitchFamily="34" charset="0"/>
              </a:rPr>
              <a:t>Системы управления образованием (LMS) — это </a:t>
            </a:r>
            <a:r>
              <a:rPr lang="ru-RU" sz="3000" dirty="0" err="1" smtClean="0">
                <a:latin typeface="Arial" pitchFamily="34" charset="0"/>
                <a:cs typeface="Arial" pitchFamily="34" charset="0"/>
              </a:rPr>
              <a:t>онлайн-платформа</a:t>
            </a:r>
            <a:r>
              <a:rPr lang="ru-RU" sz="3000" dirty="0" smtClean="0">
                <a:latin typeface="Arial" pitchFamily="34" charset="0"/>
                <a:cs typeface="Arial" pitchFamily="34" charset="0"/>
              </a:rPr>
              <a:t>, которая организует, реализует электронные образовательные программы и предоставляет студентам возможность контролировать и закреплять результаты их освоения. Системы управления образованием помогают упростить процесс обучения, предоставляя центральное место для разработки и контроля содержания учебного курса. LMS также является бесценной платформой, которая может отправлять студентам дополнительные ресурсы, необходимые для углубления знаний, которые они получают во время урока.</a:t>
            </a:r>
            <a:endParaRPr lang="ru-RU" sz="30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346095"/>
            <a:ext cx="11715832" cy="1266613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ВЫ ЗНАЕТЕ ЭТО?</a:t>
            </a:r>
          </a:p>
          <a:p>
            <a:pPr marL="92075" indent="898525" algn="ctr"/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584161" y="1509079"/>
            <a:ext cx="11072890" cy="221599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Какие существуют типы платформ LMS?</a:t>
            </a:r>
          </a:p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Какие платформы называются облачными платформами?</a:t>
            </a:r>
          </a:p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Как работают серверные платформы?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7" name="Рисунок 6" descr="LMS3-1024x683.png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119809" y="4225136"/>
            <a:ext cx="3680118" cy="2454610"/>
          </a:xfrm>
          <a:prstGeom prst="rect">
            <a:avLst/>
          </a:prstGeom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ОСНОВНЫЕ ПОНЯТИЯ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941351" y="1653368"/>
            <a:ext cx="10572824" cy="344709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Облачная платформа 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- это платформа, которая предоставляет свои услуги независимо от ресурсов пользователя.</a:t>
            </a:r>
          </a:p>
          <a:p>
            <a:pPr indent="715963" algn="just">
              <a:spcAft>
                <a:spcPts val="600"/>
              </a:spcAft>
            </a:pPr>
            <a:endParaRPr lang="ru-RU" sz="1600" dirty="0" smtClean="0">
              <a:latin typeface="Arial" pitchFamily="34" charset="0"/>
              <a:cs typeface="Arial" pitchFamily="34" charset="0"/>
            </a:endParaRPr>
          </a:p>
          <a:p>
            <a:pPr indent="715963" algn="just">
              <a:spcAft>
                <a:spcPts val="600"/>
              </a:spcAft>
            </a:pPr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Корпоративная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- это сеть, которая управляется на разных ступенях из нескольких регионов одновременно.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4" name="Рисунок 3" descr="choose-lms-1.jpg"/>
          <p:cNvPicPr>
            <a:picLocks noChangeAspect="1"/>
          </p:cNvPicPr>
          <p:nvPr/>
        </p:nvPicPr>
        <p:blipFill>
          <a:blip r:embed="rId2" cstate="print">
            <a:lum contrast="20000"/>
          </a:blip>
          <a:stretch>
            <a:fillRect/>
          </a:stretch>
        </p:blipFill>
        <p:spPr>
          <a:xfrm>
            <a:off x="7370771" y="4582326"/>
            <a:ext cx="3048000" cy="2033016"/>
          </a:xfrm>
          <a:prstGeom prst="rect">
            <a:avLst/>
          </a:prstGeom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8" name="Группа 27"/>
          <p:cNvGrpSpPr/>
          <p:nvPr/>
        </p:nvGrpSpPr>
        <p:grpSpPr>
          <a:xfrm>
            <a:off x="298409" y="1867682"/>
            <a:ext cx="8912789" cy="4090968"/>
            <a:chOff x="369619" y="1287650"/>
            <a:chExt cx="8912789" cy="4090968"/>
          </a:xfrm>
        </p:grpSpPr>
        <p:sp>
          <p:nvSpPr>
            <p:cNvPr id="5" name="Pentagon 4">
              <a:extLst>
                <a:ext uri="{FF2B5EF4-FFF2-40B4-BE49-F238E27FC236}">
                  <a16:creationId xmlns:a16="http://schemas.microsoft.com/office/drawing/2014/main" xmlns="" id="{710DF7D9-E05D-40D2-B241-18C27FE62CDB}"/>
                </a:ext>
              </a:extLst>
            </p:cNvPr>
            <p:cNvSpPr/>
            <p:nvPr/>
          </p:nvSpPr>
          <p:spPr>
            <a:xfrm>
              <a:off x="1965180" y="2616540"/>
              <a:ext cx="6586315" cy="1371297"/>
            </a:xfrm>
            <a:prstGeom prst="homePlate">
              <a:avLst/>
            </a:prstGeom>
            <a:solidFill>
              <a:schemeClr val="accent3"/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  <p:txBody>
            <a:bodyPr lIns="194987" tIns="97493" rIns="194987" bIns="97493" rtlCol="0" anchor="ctr"/>
            <a:lstStyle/>
            <a:p>
              <a:pPr algn="ctr"/>
              <a:endParaRPr lang="en-US" sz="32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6" name="Pentagon 5">
              <a:extLst>
                <a:ext uri="{FF2B5EF4-FFF2-40B4-BE49-F238E27FC236}">
                  <a16:creationId xmlns:a16="http://schemas.microsoft.com/office/drawing/2014/main" xmlns="" id="{0D7F52C0-B3D6-4FC5-BD24-0161ECA16E34}"/>
                </a:ext>
              </a:extLst>
            </p:cNvPr>
            <p:cNvSpPr/>
            <p:nvPr/>
          </p:nvSpPr>
          <p:spPr>
            <a:xfrm>
              <a:off x="1980543" y="3986667"/>
              <a:ext cx="7301865" cy="1304252"/>
            </a:xfrm>
            <a:prstGeom prst="homePlate">
              <a:avLst/>
            </a:prstGeom>
            <a:solidFill>
              <a:schemeClr val="accent5"/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  <p:txBody>
            <a:bodyPr lIns="194987" tIns="97493" rIns="194987" bIns="97493" rtlCol="0" anchor="ctr"/>
            <a:lstStyle/>
            <a:p>
              <a:pPr algn="ctr"/>
              <a:endParaRPr lang="en-US" sz="32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10" name="Freeform 147">
              <a:extLst>
                <a:ext uri="{FF2B5EF4-FFF2-40B4-BE49-F238E27FC236}">
                  <a16:creationId xmlns:a16="http://schemas.microsoft.com/office/drawing/2014/main" xmlns="" id="{F69AF892-BA2F-4435-8550-1BDFCF2AFA87}"/>
                </a:ext>
              </a:extLst>
            </p:cNvPr>
            <p:cNvSpPr>
              <a:spLocks noChangeAspect="1" noEditPoints="1"/>
            </p:cNvSpPr>
            <p:nvPr/>
          </p:nvSpPr>
          <p:spPr bwMode="auto">
            <a:xfrm>
              <a:off x="2234040" y="1629528"/>
              <a:ext cx="518467" cy="671657"/>
            </a:xfrm>
            <a:custGeom>
              <a:avLst/>
              <a:gdLst>
                <a:gd name="T0" fmla="*/ 484 w 800"/>
                <a:gd name="T1" fmla="*/ 0 h 1011"/>
                <a:gd name="T2" fmla="*/ 463 w 800"/>
                <a:gd name="T3" fmla="*/ 990 h 1011"/>
                <a:gd name="T4" fmla="*/ 779 w 800"/>
                <a:gd name="T5" fmla="*/ 1011 h 1011"/>
                <a:gd name="T6" fmla="*/ 800 w 800"/>
                <a:gd name="T7" fmla="*/ 21 h 1011"/>
                <a:gd name="T8" fmla="*/ 758 w 800"/>
                <a:gd name="T9" fmla="*/ 969 h 1011"/>
                <a:gd name="T10" fmla="*/ 505 w 800"/>
                <a:gd name="T11" fmla="*/ 843 h 1011"/>
                <a:gd name="T12" fmla="*/ 589 w 800"/>
                <a:gd name="T13" fmla="*/ 800 h 1011"/>
                <a:gd name="T14" fmla="*/ 505 w 800"/>
                <a:gd name="T15" fmla="*/ 716 h 1011"/>
                <a:gd name="T16" fmla="*/ 589 w 800"/>
                <a:gd name="T17" fmla="*/ 674 h 1011"/>
                <a:gd name="T18" fmla="*/ 505 w 800"/>
                <a:gd name="T19" fmla="*/ 590 h 1011"/>
                <a:gd name="T20" fmla="*/ 589 w 800"/>
                <a:gd name="T21" fmla="*/ 548 h 1011"/>
                <a:gd name="T22" fmla="*/ 505 w 800"/>
                <a:gd name="T23" fmla="*/ 464 h 1011"/>
                <a:gd name="T24" fmla="*/ 589 w 800"/>
                <a:gd name="T25" fmla="*/ 421 h 1011"/>
                <a:gd name="T26" fmla="*/ 505 w 800"/>
                <a:gd name="T27" fmla="*/ 337 h 1011"/>
                <a:gd name="T28" fmla="*/ 589 w 800"/>
                <a:gd name="T29" fmla="*/ 295 h 1011"/>
                <a:gd name="T30" fmla="*/ 505 w 800"/>
                <a:gd name="T31" fmla="*/ 211 h 1011"/>
                <a:gd name="T32" fmla="*/ 589 w 800"/>
                <a:gd name="T33" fmla="*/ 169 h 1011"/>
                <a:gd name="T34" fmla="*/ 505 w 800"/>
                <a:gd name="T35" fmla="*/ 43 h 1011"/>
                <a:gd name="T36" fmla="*/ 758 w 800"/>
                <a:gd name="T37" fmla="*/ 969 h 1011"/>
                <a:gd name="T38" fmla="*/ 130 w 800"/>
                <a:gd name="T39" fmla="*/ 52 h 1011"/>
                <a:gd name="T40" fmla="*/ 0 w 800"/>
                <a:gd name="T41" fmla="*/ 253 h 1011"/>
                <a:gd name="T42" fmla="*/ 105 w 800"/>
                <a:gd name="T43" fmla="*/ 969 h 1011"/>
                <a:gd name="T44" fmla="*/ 295 w 800"/>
                <a:gd name="T45" fmla="*/ 864 h 1011"/>
                <a:gd name="T46" fmla="*/ 291 w 800"/>
                <a:gd name="T47" fmla="*/ 241 h 1011"/>
                <a:gd name="T48" fmla="*/ 147 w 800"/>
                <a:gd name="T49" fmla="*/ 102 h 1011"/>
                <a:gd name="T50" fmla="*/ 117 w 800"/>
                <a:gd name="T51" fmla="*/ 148 h 1011"/>
                <a:gd name="T52" fmla="*/ 42 w 800"/>
                <a:gd name="T53" fmla="*/ 347 h 1011"/>
                <a:gd name="T54" fmla="*/ 84 w 800"/>
                <a:gd name="T55" fmla="*/ 716 h 1011"/>
                <a:gd name="T56" fmla="*/ 42 w 800"/>
                <a:gd name="T57" fmla="*/ 347 h 1011"/>
                <a:gd name="T58" fmla="*/ 189 w 800"/>
                <a:gd name="T59" fmla="*/ 927 h 1011"/>
                <a:gd name="T60" fmla="*/ 42 w 800"/>
                <a:gd name="T61" fmla="*/ 864 h 1011"/>
                <a:gd name="T62" fmla="*/ 253 w 800"/>
                <a:gd name="T63" fmla="*/ 843 h 1011"/>
                <a:gd name="T64" fmla="*/ 253 w 800"/>
                <a:gd name="T65" fmla="*/ 800 h 1011"/>
                <a:gd name="T66" fmla="*/ 42 w 800"/>
                <a:gd name="T67" fmla="*/ 758 h 1011"/>
                <a:gd name="T68" fmla="*/ 253 w 800"/>
                <a:gd name="T69" fmla="*/ 800 h 1011"/>
                <a:gd name="T70" fmla="*/ 126 w 800"/>
                <a:gd name="T71" fmla="*/ 347 h 1011"/>
                <a:gd name="T72" fmla="*/ 168 w 800"/>
                <a:gd name="T73" fmla="*/ 347 h 1011"/>
                <a:gd name="T74" fmla="*/ 126 w 800"/>
                <a:gd name="T75" fmla="*/ 716 h 1011"/>
                <a:gd name="T76" fmla="*/ 211 w 800"/>
                <a:gd name="T77" fmla="*/ 716 h 1011"/>
                <a:gd name="T78" fmla="*/ 253 w 800"/>
                <a:gd name="T79" fmla="*/ 347 h 1011"/>
                <a:gd name="T80" fmla="*/ 253 w 800"/>
                <a:gd name="T81" fmla="*/ 274 h 1011"/>
                <a:gd name="T82" fmla="*/ 168 w 800"/>
                <a:gd name="T83" fmla="*/ 274 h 1011"/>
                <a:gd name="T84" fmla="*/ 126 w 800"/>
                <a:gd name="T85" fmla="*/ 274 h 1011"/>
                <a:gd name="T86" fmla="*/ 42 w 800"/>
                <a:gd name="T87" fmla="*/ 274 h 1011"/>
                <a:gd name="T88" fmla="*/ 88 w 800"/>
                <a:gd name="T89" fmla="*/ 190 h 1011"/>
                <a:gd name="T90" fmla="*/ 253 w 800"/>
                <a:gd name="T91" fmla="*/ 259 h 1011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</a:cxnLst>
              <a:rect l="0" t="0" r="r" b="b"/>
              <a:pathLst>
                <a:path w="800" h="1011">
                  <a:moveTo>
                    <a:pt x="779" y="0"/>
                  </a:moveTo>
                  <a:cubicBezTo>
                    <a:pt x="484" y="0"/>
                    <a:pt x="484" y="0"/>
                    <a:pt x="484" y="0"/>
                  </a:cubicBezTo>
                  <a:cubicBezTo>
                    <a:pt x="473" y="0"/>
                    <a:pt x="463" y="10"/>
                    <a:pt x="463" y="21"/>
                  </a:cubicBezTo>
                  <a:cubicBezTo>
                    <a:pt x="463" y="990"/>
                    <a:pt x="463" y="990"/>
                    <a:pt x="463" y="990"/>
                  </a:cubicBezTo>
                  <a:cubicBezTo>
                    <a:pt x="463" y="1001"/>
                    <a:pt x="473" y="1011"/>
                    <a:pt x="484" y="1011"/>
                  </a:cubicBezTo>
                  <a:cubicBezTo>
                    <a:pt x="779" y="1011"/>
                    <a:pt x="779" y="1011"/>
                    <a:pt x="779" y="1011"/>
                  </a:cubicBezTo>
                  <a:cubicBezTo>
                    <a:pt x="791" y="1011"/>
                    <a:pt x="800" y="1001"/>
                    <a:pt x="800" y="990"/>
                  </a:cubicBezTo>
                  <a:cubicBezTo>
                    <a:pt x="800" y="21"/>
                    <a:pt x="800" y="21"/>
                    <a:pt x="800" y="21"/>
                  </a:cubicBezTo>
                  <a:cubicBezTo>
                    <a:pt x="800" y="10"/>
                    <a:pt x="791" y="0"/>
                    <a:pt x="779" y="0"/>
                  </a:cubicBezTo>
                  <a:close/>
                  <a:moveTo>
                    <a:pt x="758" y="969"/>
                  </a:moveTo>
                  <a:cubicBezTo>
                    <a:pt x="505" y="969"/>
                    <a:pt x="505" y="969"/>
                    <a:pt x="505" y="969"/>
                  </a:cubicBezTo>
                  <a:cubicBezTo>
                    <a:pt x="505" y="843"/>
                    <a:pt x="505" y="843"/>
                    <a:pt x="505" y="843"/>
                  </a:cubicBezTo>
                  <a:cubicBezTo>
                    <a:pt x="589" y="843"/>
                    <a:pt x="589" y="843"/>
                    <a:pt x="589" y="843"/>
                  </a:cubicBezTo>
                  <a:cubicBezTo>
                    <a:pt x="589" y="800"/>
                    <a:pt x="589" y="800"/>
                    <a:pt x="589" y="800"/>
                  </a:cubicBezTo>
                  <a:cubicBezTo>
                    <a:pt x="505" y="800"/>
                    <a:pt x="505" y="800"/>
                    <a:pt x="505" y="800"/>
                  </a:cubicBezTo>
                  <a:cubicBezTo>
                    <a:pt x="505" y="716"/>
                    <a:pt x="505" y="716"/>
                    <a:pt x="505" y="716"/>
                  </a:cubicBezTo>
                  <a:cubicBezTo>
                    <a:pt x="589" y="716"/>
                    <a:pt x="589" y="716"/>
                    <a:pt x="589" y="716"/>
                  </a:cubicBezTo>
                  <a:cubicBezTo>
                    <a:pt x="589" y="674"/>
                    <a:pt x="589" y="674"/>
                    <a:pt x="589" y="674"/>
                  </a:cubicBezTo>
                  <a:cubicBezTo>
                    <a:pt x="505" y="674"/>
                    <a:pt x="505" y="674"/>
                    <a:pt x="505" y="674"/>
                  </a:cubicBezTo>
                  <a:cubicBezTo>
                    <a:pt x="505" y="590"/>
                    <a:pt x="505" y="590"/>
                    <a:pt x="505" y="590"/>
                  </a:cubicBezTo>
                  <a:cubicBezTo>
                    <a:pt x="589" y="590"/>
                    <a:pt x="589" y="590"/>
                    <a:pt x="589" y="590"/>
                  </a:cubicBezTo>
                  <a:cubicBezTo>
                    <a:pt x="589" y="548"/>
                    <a:pt x="589" y="548"/>
                    <a:pt x="589" y="548"/>
                  </a:cubicBezTo>
                  <a:cubicBezTo>
                    <a:pt x="505" y="548"/>
                    <a:pt x="505" y="548"/>
                    <a:pt x="505" y="548"/>
                  </a:cubicBezTo>
                  <a:cubicBezTo>
                    <a:pt x="505" y="464"/>
                    <a:pt x="505" y="464"/>
                    <a:pt x="505" y="464"/>
                  </a:cubicBezTo>
                  <a:cubicBezTo>
                    <a:pt x="589" y="464"/>
                    <a:pt x="589" y="464"/>
                    <a:pt x="589" y="464"/>
                  </a:cubicBezTo>
                  <a:cubicBezTo>
                    <a:pt x="589" y="421"/>
                    <a:pt x="589" y="421"/>
                    <a:pt x="589" y="421"/>
                  </a:cubicBezTo>
                  <a:cubicBezTo>
                    <a:pt x="505" y="421"/>
                    <a:pt x="505" y="421"/>
                    <a:pt x="505" y="421"/>
                  </a:cubicBezTo>
                  <a:cubicBezTo>
                    <a:pt x="505" y="337"/>
                    <a:pt x="505" y="337"/>
                    <a:pt x="505" y="337"/>
                  </a:cubicBezTo>
                  <a:cubicBezTo>
                    <a:pt x="589" y="337"/>
                    <a:pt x="589" y="337"/>
                    <a:pt x="589" y="337"/>
                  </a:cubicBezTo>
                  <a:cubicBezTo>
                    <a:pt x="589" y="295"/>
                    <a:pt x="589" y="295"/>
                    <a:pt x="589" y="295"/>
                  </a:cubicBezTo>
                  <a:cubicBezTo>
                    <a:pt x="505" y="295"/>
                    <a:pt x="505" y="295"/>
                    <a:pt x="505" y="295"/>
                  </a:cubicBezTo>
                  <a:cubicBezTo>
                    <a:pt x="505" y="211"/>
                    <a:pt x="505" y="211"/>
                    <a:pt x="505" y="211"/>
                  </a:cubicBezTo>
                  <a:cubicBezTo>
                    <a:pt x="589" y="211"/>
                    <a:pt x="589" y="211"/>
                    <a:pt x="589" y="211"/>
                  </a:cubicBezTo>
                  <a:cubicBezTo>
                    <a:pt x="589" y="169"/>
                    <a:pt x="589" y="169"/>
                    <a:pt x="589" y="169"/>
                  </a:cubicBezTo>
                  <a:cubicBezTo>
                    <a:pt x="505" y="169"/>
                    <a:pt x="505" y="169"/>
                    <a:pt x="505" y="169"/>
                  </a:cubicBezTo>
                  <a:cubicBezTo>
                    <a:pt x="505" y="43"/>
                    <a:pt x="505" y="43"/>
                    <a:pt x="505" y="43"/>
                  </a:cubicBezTo>
                  <a:cubicBezTo>
                    <a:pt x="758" y="43"/>
                    <a:pt x="758" y="43"/>
                    <a:pt x="758" y="43"/>
                  </a:cubicBezTo>
                  <a:lnTo>
                    <a:pt x="758" y="969"/>
                  </a:lnTo>
                  <a:close/>
                  <a:moveTo>
                    <a:pt x="165" y="52"/>
                  </a:moveTo>
                  <a:cubicBezTo>
                    <a:pt x="157" y="40"/>
                    <a:pt x="138" y="40"/>
                    <a:pt x="130" y="52"/>
                  </a:cubicBezTo>
                  <a:cubicBezTo>
                    <a:pt x="4" y="241"/>
                    <a:pt x="4" y="241"/>
                    <a:pt x="4" y="241"/>
                  </a:cubicBezTo>
                  <a:cubicBezTo>
                    <a:pt x="1" y="245"/>
                    <a:pt x="0" y="249"/>
                    <a:pt x="0" y="253"/>
                  </a:cubicBezTo>
                  <a:cubicBezTo>
                    <a:pt x="0" y="864"/>
                    <a:pt x="0" y="864"/>
                    <a:pt x="0" y="864"/>
                  </a:cubicBezTo>
                  <a:cubicBezTo>
                    <a:pt x="0" y="922"/>
                    <a:pt x="47" y="969"/>
                    <a:pt x="105" y="969"/>
                  </a:cubicBezTo>
                  <a:cubicBezTo>
                    <a:pt x="189" y="969"/>
                    <a:pt x="189" y="969"/>
                    <a:pt x="189" y="969"/>
                  </a:cubicBezTo>
                  <a:cubicBezTo>
                    <a:pt x="248" y="969"/>
                    <a:pt x="295" y="922"/>
                    <a:pt x="295" y="864"/>
                  </a:cubicBezTo>
                  <a:cubicBezTo>
                    <a:pt x="295" y="253"/>
                    <a:pt x="295" y="253"/>
                    <a:pt x="295" y="253"/>
                  </a:cubicBezTo>
                  <a:cubicBezTo>
                    <a:pt x="295" y="249"/>
                    <a:pt x="293" y="245"/>
                    <a:pt x="291" y="241"/>
                  </a:cubicBezTo>
                  <a:lnTo>
                    <a:pt x="165" y="52"/>
                  </a:lnTo>
                  <a:close/>
                  <a:moveTo>
                    <a:pt x="147" y="102"/>
                  </a:moveTo>
                  <a:cubicBezTo>
                    <a:pt x="178" y="148"/>
                    <a:pt x="178" y="148"/>
                    <a:pt x="178" y="148"/>
                  </a:cubicBezTo>
                  <a:cubicBezTo>
                    <a:pt x="117" y="148"/>
                    <a:pt x="117" y="148"/>
                    <a:pt x="117" y="148"/>
                  </a:cubicBezTo>
                  <a:lnTo>
                    <a:pt x="147" y="102"/>
                  </a:lnTo>
                  <a:close/>
                  <a:moveTo>
                    <a:pt x="42" y="347"/>
                  </a:moveTo>
                  <a:cubicBezTo>
                    <a:pt x="55" y="354"/>
                    <a:pt x="69" y="358"/>
                    <a:pt x="84" y="358"/>
                  </a:cubicBezTo>
                  <a:cubicBezTo>
                    <a:pt x="84" y="716"/>
                    <a:pt x="84" y="716"/>
                    <a:pt x="84" y="716"/>
                  </a:cubicBezTo>
                  <a:cubicBezTo>
                    <a:pt x="42" y="716"/>
                    <a:pt x="42" y="716"/>
                    <a:pt x="42" y="716"/>
                  </a:cubicBezTo>
                  <a:lnTo>
                    <a:pt x="42" y="347"/>
                  </a:lnTo>
                  <a:close/>
                  <a:moveTo>
                    <a:pt x="253" y="864"/>
                  </a:moveTo>
                  <a:cubicBezTo>
                    <a:pt x="253" y="898"/>
                    <a:pt x="224" y="927"/>
                    <a:pt x="189" y="927"/>
                  </a:cubicBezTo>
                  <a:cubicBezTo>
                    <a:pt x="105" y="927"/>
                    <a:pt x="105" y="927"/>
                    <a:pt x="105" y="927"/>
                  </a:cubicBezTo>
                  <a:cubicBezTo>
                    <a:pt x="70" y="927"/>
                    <a:pt x="42" y="898"/>
                    <a:pt x="42" y="864"/>
                  </a:cubicBezTo>
                  <a:cubicBezTo>
                    <a:pt x="42" y="843"/>
                    <a:pt x="42" y="843"/>
                    <a:pt x="42" y="843"/>
                  </a:cubicBezTo>
                  <a:cubicBezTo>
                    <a:pt x="253" y="843"/>
                    <a:pt x="253" y="843"/>
                    <a:pt x="253" y="843"/>
                  </a:cubicBezTo>
                  <a:lnTo>
                    <a:pt x="253" y="864"/>
                  </a:lnTo>
                  <a:close/>
                  <a:moveTo>
                    <a:pt x="253" y="800"/>
                  </a:moveTo>
                  <a:cubicBezTo>
                    <a:pt x="42" y="800"/>
                    <a:pt x="42" y="800"/>
                    <a:pt x="42" y="800"/>
                  </a:cubicBezTo>
                  <a:cubicBezTo>
                    <a:pt x="42" y="758"/>
                    <a:pt x="42" y="758"/>
                    <a:pt x="42" y="758"/>
                  </a:cubicBezTo>
                  <a:cubicBezTo>
                    <a:pt x="253" y="758"/>
                    <a:pt x="253" y="758"/>
                    <a:pt x="253" y="758"/>
                  </a:cubicBezTo>
                  <a:lnTo>
                    <a:pt x="253" y="800"/>
                  </a:lnTo>
                  <a:close/>
                  <a:moveTo>
                    <a:pt x="126" y="716"/>
                  </a:moveTo>
                  <a:cubicBezTo>
                    <a:pt x="126" y="347"/>
                    <a:pt x="126" y="347"/>
                    <a:pt x="126" y="347"/>
                  </a:cubicBezTo>
                  <a:cubicBezTo>
                    <a:pt x="134" y="342"/>
                    <a:pt x="141" y="337"/>
                    <a:pt x="147" y="330"/>
                  </a:cubicBezTo>
                  <a:cubicBezTo>
                    <a:pt x="153" y="337"/>
                    <a:pt x="160" y="342"/>
                    <a:pt x="168" y="347"/>
                  </a:cubicBezTo>
                  <a:cubicBezTo>
                    <a:pt x="168" y="716"/>
                    <a:pt x="168" y="716"/>
                    <a:pt x="168" y="716"/>
                  </a:cubicBezTo>
                  <a:lnTo>
                    <a:pt x="126" y="716"/>
                  </a:lnTo>
                  <a:close/>
                  <a:moveTo>
                    <a:pt x="253" y="716"/>
                  </a:moveTo>
                  <a:cubicBezTo>
                    <a:pt x="211" y="716"/>
                    <a:pt x="211" y="716"/>
                    <a:pt x="211" y="716"/>
                  </a:cubicBezTo>
                  <a:cubicBezTo>
                    <a:pt x="211" y="358"/>
                    <a:pt x="211" y="358"/>
                    <a:pt x="211" y="358"/>
                  </a:cubicBezTo>
                  <a:cubicBezTo>
                    <a:pt x="226" y="358"/>
                    <a:pt x="240" y="354"/>
                    <a:pt x="253" y="347"/>
                  </a:cubicBezTo>
                  <a:lnTo>
                    <a:pt x="253" y="716"/>
                  </a:lnTo>
                  <a:close/>
                  <a:moveTo>
                    <a:pt x="253" y="274"/>
                  </a:moveTo>
                  <a:cubicBezTo>
                    <a:pt x="253" y="297"/>
                    <a:pt x="234" y="316"/>
                    <a:pt x="211" y="316"/>
                  </a:cubicBezTo>
                  <a:cubicBezTo>
                    <a:pt x="187" y="316"/>
                    <a:pt x="168" y="297"/>
                    <a:pt x="168" y="274"/>
                  </a:cubicBezTo>
                  <a:cubicBezTo>
                    <a:pt x="168" y="262"/>
                    <a:pt x="159" y="253"/>
                    <a:pt x="147" y="253"/>
                  </a:cubicBezTo>
                  <a:cubicBezTo>
                    <a:pt x="136" y="253"/>
                    <a:pt x="126" y="262"/>
                    <a:pt x="126" y="274"/>
                  </a:cubicBezTo>
                  <a:cubicBezTo>
                    <a:pt x="126" y="297"/>
                    <a:pt x="107" y="316"/>
                    <a:pt x="84" y="316"/>
                  </a:cubicBezTo>
                  <a:cubicBezTo>
                    <a:pt x="61" y="316"/>
                    <a:pt x="42" y="297"/>
                    <a:pt x="42" y="274"/>
                  </a:cubicBezTo>
                  <a:cubicBezTo>
                    <a:pt x="42" y="259"/>
                    <a:pt x="42" y="259"/>
                    <a:pt x="42" y="259"/>
                  </a:cubicBezTo>
                  <a:cubicBezTo>
                    <a:pt x="88" y="190"/>
                    <a:pt x="88" y="190"/>
                    <a:pt x="88" y="190"/>
                  </a:cubicBezTo>
                  <a:cubicBezTo>
                    <a:pt x="206" y="190"/>
                    <a:pt x="206" y="190"/>
                    <a:pt x="206" y="190"/>
                  </a:cubicBezTo>
                  <a:cubicBezTo>
                    <a:pt x="253" y="259"/>
                    <a:pt x="253" y="259"/>
                    <a:pt x="253" y="259"/>
                  </a:cubicBezTo>
                  <a:lnTo>
                    <a:pt x="253" y="274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ffectLst/>
          </p:spPr>
          <p:txBody>
            <a:bodyPr vert="horz" wrap="square" lIns="122816" tIns="61407" rIns="122816" bIns="61407" numCol="1" anchor="t" anchorCtr="0" compatLnSpc="1">
              <a:prstTxWarp prst="textNoShape">
                <a:avLst/>
              </a:prstTxWarp>
            </a:bodyPr>
            <a:lstStyle/>
            <a:p>
              <a:endParaRPr lang="en-US" sz="32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18" name="Rectangle 28">
              <a:extLst>
                <a:ext uri="{FF2B5EF4-FFF2-40B4-BE49-F238E27FC236}">
                  <a16:creationId xmlns:a16="http://schemas.microsoft.com/office/drawing/2014/main" xmlns="" id="{6273297A-8B0D-4E23-A89A-3F6D210E3368}"/>
                </a:ext>
              </a:extLst>
            </p:cNvPr>
            <p:cNvSpPr/>
            <p:nvPr/>
          </p:nvSpPr>
          <p:spPr>
            <a:xfrm>
              <a:off x="2227007" y="2716410"/>
              <a:ext cx="4824382" cy="1304886"/>
            </a:xfrm>
            <a:prstGeom prst="rect">
              <a:avLst/>
            </a:prstGeom>
          </p:spPr>
          <p:txBody>
            <a:bodyPr wrap="square" lIns="0" tIns="97493" rIns="0" bIns="97493">
              <a:spAutoFit/>
            </a:bodyPr>
            <a:lstStyle/>
            <a:p>
              <a:pPr algn="just">
                <a:spcAft>
                  <a:spcPts val="600"/>
                </a:spcAft>
              </a:pPr>
              <a:r>
                <a:rPr lang="ru-RU" sz="3600" dirty="0" smtClean="0">
                  <a:solidFill>
                    <a:schemeClr val="bg1"/>
                  </a:solidFill>
                  <a:latin typeface="Arial" pitchFamily="34" charset="0"/>
                  <a:cs typeface="Arial" pitchFamily="34" charset="0"/>
                </a:rPr>
                <a:t>LMS, основанная на сервере </a:t>
              </a:r>
            </a:p>
          </p:txBody>
        </p:sp>
        <p:sp>
          <p:nvSpPr>
            <p:cNvPr id="19" name="Rectangle 29">
              <a:extLst>
                <a:ext uri="{FF2B5EF4-FFF2-40B4-BE49-F238E27FC236}">
                  <a16:creationId xmlns:a16="http://schemas.microsoft.com/office/drawing/2014/main" xmlns="" id="{9DD78122-0DC1-430D-B6B9-A6A26C205750}"/>
                </a:ext>
              </a:extLst>
            </p:cNvPr>
            <p:cNvSpPr/>
            <p:nvPr/>
          </p:nvSpPr>
          <p:spPr>
            <a:xfrm>
              <a:off x="2227007" y="4073732"/>
              <a:ext cx="5324448" cy="1304886"/>
            </a:xfrm>
            <a:prstGeom prst="rect">
              <a:avLst/>
            </a:prstGeom>
          </p:spPr>
          <p:txBody>
            <a:bodyPr wrap="square" lIns="0" tIns="97493" rIns="0" bIns="97493">
              <a:spAutoFit/>
            </a:bodyPr>
            <a:lstStyle/>
            <a:p>
              <a:pPr algn="just">
                <a:spcAft>
                  <a:spcPts val="600"/>
                </a:spcAft>
              </a:pPr>
              <a:r>
                <a:rPr lang="ru-RU" sz="3600" dirty="0" smtClean="0">
                  <a:solidFill>
                    <a:schemeClr val="bg1"/>
                  </a:solidFill>
                  <a:latin typeface="Arial" pitchFamily="34" charset="0"/>
                  <a:cs typeface="Arial" pitchFamily="34" charset="0"/>
                </a:rPr>
                <a:t>LMS, интегрированная с CMS</a:t>
              </a:r>
              <a:endParaRPr lang="en-US" sz="3600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endParaRPr>
            </a:p>
          </p:txBody>
        </p:sp>
        <p:sp>
          <p:nvSpPr>
            <p:cNvPr id="21" name="Rectangle 36">
              <a:extLst>
                <a:ext uri="{FF2B5EF4-FFF2-40B4-BE49-F238E27FC236}">
                  <a16:creationId xmlns:a16="http://schemas.microsoft.com/office/drawing/2014/main" xmlns="" id="{EC3FC461-5F78-4FEA-8132-127E7E57A333}"/>
                </a:ext>
              </a:extLst>
            </p:cNvPr>
            <p:cNvSpPr/>
            <p:nvPr/>
          </p:nvSpPr>
          <p:spPr>
            <a:xfrm>
              <a:off x="369619" y="3108075"/>
              <a:ext cx="883088" cy="869452"/>
            </a:xfrm>
            <a:prstGeom prst="rect">
              <a:avLst/>
            </a:prstGeom>
            <a:solidFill>
              <a:schemeClr val="accent3"/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  <p:txBody>
            <a:bodyPr lIns="194987" tIns="97493" rIns="194987" bIns="97493" rtlCol="0" anchor="ctr"/>
            <a:lstStyle/>
            <a:p>
              <a:pPr algn="ctr"/>
              <a:endParaRPr lang="en-US" sz="32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22" name="Rectangle 37">
              <a:extLst>
                <a:ext uri="{FF2B5EF4-FFF2-40B4-BE49-F238E27FC236}">
                  <a16:creationId xmlns:a16="http://schemas.microsoft.com/office/drawing/2014/main" xmlns="" id="{E60BB8AA-7962-498A-8A52-26AB4A2F3356}"/>
                </a:ext>
              </a:extLst>
            </p:cNvPr>
            <p:cNvSpPr/>
            <p:nvPr/>
          </p:nvSpPr>
          <p:spPr>
            <a:xfrm>
              <a:off x="369619" y="3959478"/>
              <a:ext cx="883088" cy="869452"/>
            </a:xfrm>
            <a:prstGeom prst="rect">
              <a:avLst/>
            </a:prstGeom>
            <a:solidFill>
              <a:schemeClr val="accent5"/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  <p:txBody>
            <a:bodyPr lIns="194987" tIns="97493" rIns="194987" bIns="97493" rtlCol="0" anchor="ctr"/>
            <a:lstStyle/>
            <a:p>
              <a:pPr algn="ctr"/>
              <a:endParaRPr lang="en-US" sz="32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24" name="Rectangle 39">
              <a:extLst>
                <a:ext uri="{FF2B5EF4-FFF2-40B4-BE49-F238E27FC236}">
                  <a16:creationId xmlns:a16="http://schemas.microsoft.com/office/drawing/2014/main" xmlns="" id="{9F9CF495-F184-4833-8C79-97EA170C5D12}"/>
                </a:ext>
              </a:extLst>
            </p:cNvPr>
            <p:cNvSpPr/>
            <p:nvPr/>
          </p:nvSpPr>
          <p:spPr>
            <a:xfrm>
              <a:off x="369619" y="2256670"/>
              <a:ext cx="883088" cy="869452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  <p:txBody>
            <a:bodyPr lIns="194987" tIns="97493" rIns="194987" bIns="97493" rtlCol="0" anchor="ctr"/>
            <a:lstStyle/>
            <a:p>
              <a:pPr algn="ctr"/>
              <a:endParaRPr lang="en-US" sz="32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grpSp>
          <p:nvGrpSpPr>
            <p:cNvPr id="25" name="Group 2">
              <a:extLst>
                <a:ext uri="{FF2B5EF4-FFF2-40B4-BE49-F238E27FC236}">
                  <a16:creationId xmlns:a16="http://schemas.microsoft.com/office/drawing/2014/main" xmlns="" id="{7EDFB015-957C-4D74-A7DC-267AEAE6FDAB}"/>
                </a:ext>
              </a:extLst>
            </p:cNvPr>
            <p:cNvGrpSpPr/>
            <p:nvPr/>
          </p:nvGrpSpPr>
          <p:grpSpPr>
            <a:xfrm>
              <a:off x="1240234" y="1287650"/>
              <a:ext cx="740308" cy="2689877"/>
              <a:chOff x="413581" y="698501"/>
              <a:chExt cx="556244" cy="1970670"/>
            </a:xfrm>
          </p:grpSpPr>
          <p:sp>
            <p:nvSpPr>
              <p:cNvPr id="26" name="Freeform 43">
                <a:extLst>
                  <a:ext uri="{FF2B5EF4-FFF2-40B4-BE49-F238E27FC236}">
                    <a16:creationId xmlns:a16="http://schemas.microsoft.com/office/drawing/2014/main" xmlns="" id="{36152683-D1E9-4895-993F-DA65D21F5D54}"/>
                  </a:ext>
                </a:extLst>
              </p:cNvPr>
              <p:cNvSpPr/>
              <p:nvPr/>
            </p:nvSpPr>
            <p:spPr>
              <a:xfrm>
                <a:off x="413845" y="698501"/>
                <a:ext cx="555980" cy="1354334"/>
              </a:xfrm>
              <a:custGeom>
                <a:avLst/>
                <a:gdLst>
                  <a:gd name="connsiteX0" fmla="*/ 555980 w 555980"/>
                  <a:gd name="connsiteY0" fmla="*/ 0 h 1354334"/>
                  <a:gd name="connsiteX1" fmla="*/ 555980 w 555980"/>
                  <a:gd name="connsiteY1" fmla="*/ 968242 h 1354334"/>
                  <a:gd name="connsiteX2" fmla="*/ 0 w 555980"/>
                  <a:gd name="connsiteY2" fmla="*/ 1354334 h 1354334"/>
                  <a:gd name="connsiteX3" fmla="*/ 737 w 555980"/>
                  <a:gd name="connsiteY3" fmla="*/ 709226 h 1354334"/>
                  <a:gd name="connsiteX4" fmla="*/ 555980 w 555980"/>
                  <a:gd name="connsiteY4" fmla="*/ 0 h 1354334"/>
                  <a:gd name="connsiteX0" fmla="*/ 555980 w 555980"/>
                  <a:gd name="connsiteY0" fmla="*/ 0 h 1354334"/>
                  <a:gd name="connsiteX1" fmla="*/ 555980 w 555980"/>
                  <a:gd name="connsiteY1" fmla="*/ 976179 h 1354334"/>
                  <a:gd name="connsiteX2" fmla="*/ 0 w 555980"/>
                  <a:gd name="connsiteY2" fmla="*/ 1354334 h 1354334"/>
                  <a:gd name="connsiteX3" fmla="*/ 737 w 555980"/>
                  <a:gd name="connsiteY3" fmla="*/ 709226 h 1354334"/>
                  <a:gd name="connsiteX4" fmla="*/ 555980 w 555980"/>
                  <a:gd name="connsiteY4" fmla="*/ 0 h 135433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555980" h="1354334">
                    <a:moveTo>
                      <a:pt x="555980" y="0"/>
                    </a:moveTo>
                    <a:lnTo>
                      <a:pt x="555980" y="976179"/>
                    </a:lnTo>
                    <a:lnTo>
                      <a:pt x="0" y="1354334"/>
                    </a:lnTo>
                    <a:cubicBezTo>
                      <a:pt x="246" y="1139298"/>
                      <a:pt x="491" y="924262"/>
                      <a:pt x="737" y="709226"/>
                    </a:cubicBezTo>
                    <a:lnTo>
                      <a:pt x="555980" y="0"/>
                    </a:lnTo>
                    <a:close/>
                  </a:path>
                </a:pathLst>
              </a:custGeom>
              <a:solidFill>
                <a:schemeClr val="accent1">
                  <a:lumMod val="75000"/>
                </a:schemeClr>
              </a:solidFill>
              <a:ln>
                <a:noFill/>
              </a:ln>
              <a:effectLst/>
            </p:spPr>
            <p:style>
              <a:lnRef idx="1">
                <a:schemeClr val="accent1"/>
              </a:lnRef>
              <a:fillRef idx="3">
                <a:schemeClr val="accent1"/>
              </a:fillRef>
              <a:effectRef idx="2">
                <a:schemeClr val="accent1"/>
              </a:effectRef>
              <a:fontRef idx="minor">
                <a:schemeClr val="lt1"/>
              </a:fontRef>
            </p:style>
            <p:txBody>
              <a:bodyPr wrap="square" rtlCol="0" anchor="ctr">
                <a:noAutofit/>
              </a:bodyPr>
              <a:lstStyle/>
              <a:p>
                <a:pPr algn="ctr"/>
                <a:endParaRPr lang="en-US" sz="3200" dirty="0"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27" name="Freeform 46">
                <a:extLst>
                  <a:ext uri="{FF2B5EF4-FFF2-40B4-BE49-F238E27FC236}">
                    <a16:creationId xmlns:a16="http://schemas.microsoft.com/office/drawing/2014/main" xmlns="" id="{3F5DCE99-98DA-4954-970E-854EB83D8820}"/>
                  </a:ext>
                </a:extLst>
              </p:cNvPr>
              <p:cNvSpPr/>
              <p:nvPr/>
            </p:nvSpPr>
            <p:spPr>
              <a:xfrm>
                <a:off x="413581" y="1673921"/>
                <a:ext cx="556244" cy="995250"/>
              </a:xfrm>
              <a:custGeom>
                <a:avLst/>
                <a:gdLst>
                  <a:gd name="connsiteX0" fmla="*/ 556244 w 556244"/>
                  <a:gd name="connsiteY0" fmla="*/ 0 h 995250"/>
                  <a:gd name="connsiteX1" fmla="*/ 556244 w 556244"/>
                  <a:gd name="connsiteY1" fmla="*/ 148222 h 995250"/>
                  <a:gd name="connsiteX2" fmla="*/ 556244 w 556244"/>
                  <a:gd name="connsiteY2" fmla="*/ 847028 h 995250"/>
                  <a:gd name="connsiteX3" fmla="*/ 556244 w 556244"/>
                  <a:gd name="connsiteY3" fmla="*/ 995250 h 995250"/>
                  <a:gd name="connsiteX4" fmla="*/ 0 w 556244"/>
                  <a:gd name="connsiteY4" fmla="*/ 995250 h 995250"/>
                  <a:gd name="connsiteX5" fmla="*/ 317 w 556244"/>
                  <a:gd name="connsiteY5" fmla="*/ 847028 h 995250"/>
                  <a:gd name="connsiteX6" fmla="*/ 0 w 556244"/>
                  <a:gd name="connsiteY6" fmla="*/ 847028 h 995250"/>
                  <a:gd name="connsiteX7" fmla="*/ 1001 w 556244"/>
                  <a:gd name="connsiteY7" fmla="*/ 378960 h 99525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</a:cxnLst>
                <a:rect l="l" t="t" r="r" b="b"/>
                <a:pathLst>
                  <a:path w="556244" h="995250">
                    <a:moveTo>
                      <a:pt x="556244" y="0"/>
                    </a:moveTo>
                    <a:lnTo>
                      <a:pt x="556244" y="148222"/>
                    </a:lnTo>
                    <a:lnTo>
                      <a:pt x="556244" y="847028"/>
                    </a:lnTo>
                    <a:lnTo>
                      <a:pt x="556244" y="995250"/>
                    </a:lnTo>
                    <a:lnTo>
                      <a:pt x="0" y="995250"/>
                    </a:lnTo>
                    <a:lnTo>
                      <a:pt x="317" y="847028"/>
                    </a:lnTo>
                    <a:lnTo>
                      <a:pt x="0" y="847028"/>
                    </a:lnTo>
                    <a:lnTo>
                      <a:pt x="1001" y="378960"/>
                    </a:lnTo>
                    <a:close/>
                  </a:path>
                </a:pathLst>
              </a:custGeom>
              <a:solidFill>
                <a:schemeClr val="accent3">
                  <a:lumMod val="75000"/>
                </a:schemeClr>
              </a:solidFill>
              <a:ln>
                <a:noFill/>
              </a:ln>
              <a:effectLst/>
            </p:spPr>
            <p:style>
              <a:lnRef idx="1">
                <a:schemeClr val="accent1"/>
              </a:lnRef>
              <a:fillRef idx="3">
                <a:schemeClr val="accent1"/>
              </a:fillRef>
              <a:effectRef idx="2">
                <a:schemeClr val="accent1"/>
              </a:effectRef>
              <a:fontRef idx="minor">
                <a:schemeClr val="lt1"/>
              </a:fontRef>
            </p:style>
            <p:txBody>
              <a:bodyPr wrap="square" rtlCol="0" anchor="ctr">
                <a:noAutofit/>
              </a:bodyPr>
              <a:lstStyle/>
              <a:p>
                <a:pPr algn="ctr"/>
                <a:endParaRPr lang="en-US" sz="3200" dirty="0"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</p:grpSp>
        <p:sp>
          <p:nvSpPr>
            <p:cNvPr id="30" name="Freeform 49">
              <a:extLst>
                <a:ext uri="{FF2B5EF4-FFF2-40B4-BE49-F238E27FC236}">
                  <a16:creationId xmlns:a16="http://schemas.microsoft.com/office/drawing/2014/main" xmlns="" id="{9E9A9D85-3124-4922-B484-E34D34198274}"/>
                </a:ext>
              </a:extLst>
            </p:cNvPr>
            <p:cNvSpPr/>
            <p:nvPr/>
          </p:nvSpPr>
          <p:spPr>
            <a:xfrm flipV="1">
              <a:off x="1240234" y="3977530"/>
              <a:ext cx="740308" cy="1333715"/>
            </a:xfrm>
            <a:custGeom>
              <a:avLst/>
              <a:gdLst>
                <a:gd name="connsiteX0" fmla="*/ 556244 w 556244"/>
                <a:gd name="connsiteY0" fmla="*/ 0 h 995250"/>
                <a:gd name="connsiteX1" fmla="*/ 556244 w 556244"/>
                <a:gd name="connsiteY1" fmla="*/ 148222 h 995250"/>
                <a:gd name="connsiteX2" fmla="*/ 556244 w 556244"/>
                <a:gd name="connsiteY2" fmla="*/ 847028 h 995250"/>
                <a:gd name="connsiteX3" fmla="*/ 556244 w 556244"/>
                <a:gd name="connsiteY3" fmla="*/ 995250 h 995250"/>
                <a:gd name="connsiteX4" fmla="*/ 0 w 556244"/>
                <a:gd name="connsiteY4" fmla="*/ 995250 h 995250"/>
                <a:gd name="connsiteX5" fmla="*/ 317 w 556244"/>
                <a:gd name="connsiteY5" fmla="*/ 847028 h 995250"/>
                <a:gd name="connsiteX6" fmla="*/ 0 w 556244"/>
                <a:gd name="connsiteY6" fmla="*/ 847028 h 995250"/>
                <a:gd name="connsiteX7" fmla="*/ 1001 w 556244"/>
                <a:gd name="connsiteY7" fmla="*/ 378960 h 9952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556244" h="995250">
                  <a:moveTo>
                    <a:pt x="556244" y="0"/>
                  </a:moveTo>
                  <a:lnTo>
                    <a:pt x="556244" y="148222"/>
                  </a:lnTo>
                  <a:lnTo>
                    <a:pt x="556244" y="847028"/>
                  </a:lnTo>
                  <a:lnTo>
                    <a:pt x="556244" y="995250"/>
                  </a:lnTo>
                  <a:lnTo>
                    <a:pt x="0" y="995250"/>
                  </a:lnTo>
                  <a:lnTo>
                    <a:pt x="317" y="847028"/>
                  </a:lnTo>
                  <a:lnTo>
                    <a:pt x="0" y="847028"/>
                  </a:lnTo>
                  <a:lnTo>
                    <a:pt x="1001" y="378960"/>
                  </a:lnTo>
                  <a:close/>
                </a:path>
              </a:pathLst>
            </a:custGeom>
            <a:solidFill>
              <a:schemeClr val="accent5">
                <a:lumMod val="75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  <p:txBody>
            <a:bodyPr wrap="square" rtlCol="0" anchor="ctr">
              <a:noAutofit/>
            </a:bodyPr>
            <a:lstStyle/>
            <a:p>
              <a:pPr algn="ctr"/>
              <a:endParaRPr lang="en-US" sz="32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8" name="Pentagon 7">
              <a:extLst>
                <a:ext uri="{FF2B5EF4-FFF2-40B4-BE49-F238E27FC236}">
                  <a16:creationId xmlns:a16="http://schemas.microsoft.com/office/drawing/2014/main" xmlns="" id="{20BD4CE1-D9E9-4B4D-92EC-11D8A837DEAC}"/>
                </a:ext>
              </a:extLst>
            </p:cNvPr>
            <p:cNvSpPr/>
            <p:nvPr/>
          </p:nvSpPr>
          <p:spPr>
            <a:xfrm>
              <a:off x="1941255" y="1287650"/>
              <a:ext cx="5225805" cy="1334567"/>
            </a:xfrm>
            <a:prstGeom prst="homePlate">
              <a:avLst/>
            </a:prstGeom>
            <a:solidFill>
              <a:schemeClr val="accent1"/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  <p:txBody>
            <a:bodyPr lIns="194987" tIns="97493" rIns="194987" bIns="97493" rtlCol="0" anchor="ctr"/>
            <a:lstStyle/>
            <a:p>
              <a:pPr algn="ctr"/>
              <a:endParaRPr lang="en-US" sz="3200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</p:grpSp>
      <p:sp>
        <p:nvSpPr>
          <p:cNvPr id="15" name="Rectangle 25">
            <a:extLst>
              <a:ext uri="{FF2B5EF4-FFF2-40B4-BE49-F238E27FC236}">
                <a16:creationId xmlns:a16="http://schemas.microsoft.com/office/drawing/2014/main" xmlns="" id="{D60430BD-2A06-4ADF-B059-9C07635DD8E3}"/>
              </a:ext>
            </a:extLst>
          </p:cNvPr>
          <p:cNvSpPr/>
          <p:nvPr/>
        </p:nvSpPr>
        <p:spPr>
          <a:xfrm>
            <a:off x="8749996" y="5557103"/>
            <a:ext cx="1990504" cy="788005"/>
          </a:xfrm>
          <a:prstGeom prst="rect">
            <a:avLst/>
          </a:prstGeom>
          <a:noFill/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lIns="194987" tIns="97493" rIns="368445" bIns="97493" rtlCol="0" anchor="ctr">
            <a:spAutoFit/>
          </a:bodyPr>
          <a:lstStyle/>
          <a:p>
            <a:pPr algn="r"/>
            <a:r>
              <a:rPr lang="en-US" dirty="0">
                <a:solidFill>
                  <a:srgbClr val="FFF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90%</a:t>
            </a:r>
          </a:p>
        </p:txBody>
      </p:sp>
      <p:sp>
        <p:nvSpPr>
          <p:cNvPr id="17" name="Rectangle 27">
            <a:extLst>
              <a:ext uri="{FF2B5EF4-FFF2-40B4-BE49-F238E27FC236}">
                <a16:creationId xmlns:a16="http://schemas.microsoft.com/office/drawing/2014/main" xmlns="" id="{B023F572-0592-4164-A3B1-BAD7A8BB8EED}"/>
              </a:ext>
            </a:extLst>
          </p:cNvPr>
          <p:cNvSpPr/>
          <p:nvPr/>
        </p:nvSpPr>
        <p:spPr>
          <a:xfrm>
            <a:off x="2227235" y="1939120"/>
            <a:ext cx="3538498" cy="1304886"/>
          </a:xfrm>
          <a:prstGeom prst="rect">
            <a:avLst/>
          </a:prstGeom>
        </p:spPr>
        <p:txBody>
          <a:bodyPr wrap="square" lIns="0" tIns="97493" rIns="0" bIns="97493">
            <a:spAutoFit/>
          </a:bodyPr>
          <a:lstStyle/>
          <a:p>
            <a:pPr algn="just">
              <a:spcAft>
                <a:spcPts val="600"/>
              </a:spcAft>
            </a:pPr>
            <a:r>
              <a:rPr lang="ru-RU" sz="3600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О</a:t>
            </a:r>
            <a:r>
              <a:rPr lang="ru-RU" sz="3600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блачные </a:t>
            </a:r>
            <a:r>
              <a:rPr lang="ru-RU" sz="3600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платформы</a:t>
            </a:r>
          </a:p>
        </p:txBody>
      </p:sp>
      <p:sp>
        <p:nvSpPr>
          <p:cNvPr id="32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ТИПЫ  ПЛАТФОРМ  </a:t>
            </a: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MS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xmlns="" val="280189201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 ОБЛАЧНЫЕ ПЛАТФОРМЫ LMS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441285" y="1367616"/>
            <a:ext cx="11430080" cy="541686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Материалы учебного курса размещаются на облачных платформах LMS на серверном компьютере поставщика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веб-услуг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. Этот тип LMS не может быть установлен на серверном компьютере учебного заведения или организации. </a:t>
            </a:r>
          </a:p>
          <a:p>
            <a:pPr indent="715963" algn="just">
              <a:spcAft>
                <a:spcPts val="600"/>
              </a:spcAft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Облачные платформы LMS работают по принципу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веб-службы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(например, почтовая служба), то есть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веб-сервис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после регистрации по предложенному адресу можно предложить учебные курсы. </a:t>
            </a:r>
          </a:p>
          <a:p>
            <a:pPr indent="715963" algn="just">
              <a:spcAft>
                <a:spcPts val="600"/>
              </a:spcAft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Для этого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веб-служба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выделяет место на своем сервере, и вся информация хранится на этом сервере. Пользователь может загрузить необходимые ему материалы, добавить обучающихся и пройти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онлайн-процесс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обучения. </a:t>
            </a: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 ОБЛАЧНЫЕ ПЛАТФОРМЫ LMS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441285" y="1406438"/>
            <a:ext cx="11430080" cy="490903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ru-RU" sz="3600" dirty="0" smtClean="0">
                <a:latin typeface="Arial" pitchFamily="34" charset="0"/>
                <a:cs typeface="Arial" pitchFamily="34" charset="0"/>
              </a:rPr>
              <a:t>Облачные платформы LMS используются в основном в корпоративном образовании. Облачные платформы LMS:</a:t>
            </a:r>
          </a:p>
          <a:p>
            <a:pPr indent="715963" algn="just">
              <a:spcAft>
                <a:spcPts val="600"/>
              </a:spcAft>
            </a:pP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iSpring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learn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, </a:t>
            </a:r>
          </a:p>
          <a:p>
            <a:pPr indent="715963" algn="just">
              <a:spcAft>
                <a:spcPts val="600"/>
              </a:spcAft>
            </a:pP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classroom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, </a:t>
            </a:r>
          </a:p>
          <a:p>
            <a:pPr indent="715963" algn="just">
              <a:spcAft>
                <a:spcPts val="600"/>
              </a:spcAft>
            </a:pP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Shoology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, </a:t>
            </a:r>
          </a:p>
          <a:p>
            <a:pPr indent="715963" algn="just">
              <a:spcAft>
                <a:spcPts val="600"/>
              </a:spcAft>
            </a:pP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Loop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, </a:t>
            </a:r>
          </a:p>
          <a:p>
            <a:pPr indent="715963" algn="just">
              <a:spcAft>
                <a:spcPts val="600"/>
              </a:spcAft>
            </a:pP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Learn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Amp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 и другие.</a:t>
            </a:r>
            <a:endParaRPr lang="ru-RU" sz="3600" dirty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4" name="Picture 2"/>
          <p:cNvPicPr>
            <a:picLocks noChangeAspect="1" noChangeArrowheads="1"/>
          </p:cNvPicPr>
          <p:nvPr/>
        </p:nvPicPr>
        <p:blipFill>
          <a:blip r:embed="rId2">
            <a:lum bright="-10000" contrast="20000"/>
          </a:blip>
          <a:srcRect/>
          <a:stretch>
            <a:fillRect/>
          </a:stretch>
        </p:blipFill>
        <p:spPr bwMode="auto">
          <a:xfrm>
            <a:off x="9177132" y="2724938"/>
            <a:ext cx="2643206" cy="150019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3">
            <a:lum bright="-20000" contrast="30000"/>
          </a:blip>
          <a:srcRect/>
          <a:stretch>
            <a:fillRect/>
          </a:stretch>
        </p:blipFill>
        <p:spPr bwMode="auto">
          <a:xfrm>
            <a:off x="9085283" y="4582326"/>
            <a:ext cx="2857520" cy="168751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4"/>
          <a:srcRect l="1996" r="2178"/>
          <a:stretch>
            <a:fillRect/>
          </a:stretch>
        </p:blipFill>
        <p:spPr bwMode="auto">
          <a:xfrm>
            <a:off x="6870705" y="3582194"/>
            <a:ext cx="2071702" cy="16400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441285" y="1404320"/>
            <a:ext cx="11430080" cy="467820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Серверные LMS устанавливаются на сервере организации или образовательного учреждения. </a:t>
            </a:r>
          </a:p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Это позволит пользователям получить доступ к системе с помощью корпоративного логина и пароля. Вся информация хранится на серверном компьютере организации или учебного заведения. </a:t>
            </a:r>
          </a:p>
          <a:p>
            <a:pPr indent="715963" algn="just">
              <a:spcAft>
                <a:spcPts val="600"/>
              </a:spcAft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Для этого необходимо установить, настроить LMS, обеспечить его интеграцию с программным обеспечением организации или образовательного учреждения. 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4" name="object 2"/>
          <p:cNvSpPr txBox="1">
            <a:spLocks/>
          </p:cNvSpPr>
          <p:nvPr/>
        </p:nvSpPr>
        <p:spPr>
          <a:xfrm>
            <a:off x="226971" y="296046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СЕРВЕРНЫЕ LMS</a:t>
            </a:r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2" val="efd17d54ffbc520e9c9bb3d2cd79a6fb7cff691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5084</TotalTime>
  <Words>888</Words>
  <Application>Microsoft Office PowerPoint</Application>
  <PresentationFormat>Произвольный</PresentationFormat>
  <Paragraphs>90</Paragraphs>
  <Slides>23</Slides>
  <Notes>1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3</vt:i4>
      </vt:variant>
    </vt:vector>
  </HeadingPairs>
  <TitlesOfParts>
    <vt:vector size="24" baseType="lpstr">
      <vt:lpstr>Office Theme</vt:lpstr>
      <vt:lpstr>Информатика и ИТ</vt:lpstr>
      <vt:lpstr>Слайд 2</vt:lpstr>
      <vt:lpstr>Слайд 3</vt:lpstr>
      <vt:lpstr>Слайд 4</vt:lpstr>
      <vt:lpstr>Слайд 5</vt:lpstr>
      <vt:lpstr>Слайд 6</vt:lpstr>
      <vt:lpstr>Слайд 7</vt:lpstr>
      <vt:lpstr>Слайд 8</vt:lpstr>
      <vt:lpstr>Слайд 9</vt:lpstr>
      <vt:lpstr>Слайд 10</vt:lpstr>
      <vt:lpstr>Слайд 11</vt:lpstr>
      <vt:lpstr>Слайд 12</vt:lpstr>
      <vt:lpstr>Слайд 13</vt:lpstr>
      <vt:lpstr>Слайд 14</vt:lpstr>
      <vt:lpstr>Слайд 15</vt:lpstr>
      <vt:lpstr>Слайд 16</vt:lpstr>
      <vt:lpstr>Слайд 17</vt:lpstr>
      <vt:lpstr>Слайд 18</vt:lpstr>
      <vt:lpstr>Слайд 19</vt:lpstr>
      <vt:lpstr>Слайд 20</vt:lpstr>
      <vt:lpstr>Слайд 21</vt:lpstr>
      <vt:lpstr>Слайд 22</vt:lpstr>
      <vt:lpstr>Слайд 23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Информатика и ИТ</dc:title>
  <dc:creator>Lenovo</dc:creator>
  <cp:lastModifiedBy>Пользователь Windows</cp:lastModifiedBy>
  <cp:revision>598</cp:revision>
  <dcterms:created xsi:type="dcterms:W3CDTF">2020-04-13T08:05:16Z</dcterms:created>
  <dcterms:modified xsi:type="dcterms:W3CDTF">2020-11-23T09:40:5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LastSaved">
    <vt:filetime>2020-04-13T00:00:00Z</vt:filetime>
  </property>
</Properties>
</file>